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harts/chartEx1.xml" ContentType="application/vnd.ms-office.chartex+xml"/>
  <Override PartName="/word/charts/style1.xml" ContentType="application/vnd.ms-office.chartstyle+xml"/>
  <Override PartName="/word/charts/colors1.xml" ContentType="application/vnd.ms-office.chartcolorstyle+xml"/>
  <Override PartName="/word/charts/chartEx2.xml" ContentType="application/vnd.ms-office.chartex+xml"/>
  <Override PartName="/word/charts/style2.xml" ContentType="application/vnd.ms-office.chartstyle+xml"/>
  <Override PartName="/word/charts/colors2.xml" ContentType="application/vnd.ms-office.chartcolorstyle+xml"/>
  <Override PartName="/word/charts/chartEx3.xml" ContentType="application/vnd.ms-office.chartex+xml"/>
  <Override PartName="/word/charts/style3.xml" ContentType="application/vnd.ms-office.chartstyle+xml"/>
  <Override PartName="/word/charts/colors3.xml" ContentType="application/vnd.ms-office.chartcolorstyle+xml"/>
  <Override PartName="/word/charts/chartEx4.xml" ContentType="application/vnd.ms-office.chartex+xml"/>
  <Override PartName="/word/charts/style4.xml" ContentType="application/vnd.ms-office.chartstyle+xml"/>
  <Override PartName="/word/charts/colors4.xml" ContentType="application/vnd.ms-office.chartcolorstyle+xml"/>
  <Override PartName="/word/charts/chartEx5.xml" ContentType="application/vnd.ms-office.chartex+xml"/>
  <Override PartName="/word/charts/style5.xml" ContentType="application/vnd.ms-office.chartstyle+xml"/>
  <Override PartName="/word/charts/colors5.xml" ContentType="application/vnd.ms-office.chartcolorstyle+xml"/>
  <Override PartName="/word/charts/chart1.xml" ContentType="application/vnd.openxmlformats-officedocument.drawingml.chart+xml"/>
  <Override PartName="/word/charts/style6.xml" ContentType="application/vnd.ms-office.chartstyle+xml"/>
  <Override PartName="/word/charts/colors6.xml" ContentType="application/vnd.ms-office.chartcolorstyl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548B36C" w14:textId="77777777" w:rsidR="00684638" w:rsidRDefault="00684638" w:rsidP="00684638">
      <w:pPr>
        <w:jc w:val="center"/>
        <w:rPr>
          <w:b/>
          <w:bCs/>
          <w:sz w:val="52"/>
          <w:szCs w:val="52"/>
        </w:rPr>
      </w:pPr>
      <w:r>
        <w:rPr>
          <w:b/>
          <w:bCs/>
          <w:sz w:val="52"/>
          <w:szCs w:val="52"/>
        </w:rPr>
        <w:t>Metaheurystyki</w:t>
      </w:r>
    </w:p>
    <w:p w14:paraId="01181EFD" w14:textId="4C6AA474" w:rsidR="00684638" w:rsidRDefault="00684638" w:rsidP="00684638">
      <w:pPr>
        <w:jc w:val="center"/>
        <w:rPr>
          <w:b/>
          <w:bCs/>
          <w:sz w:val="52"/>
          <w:szCs w:val="52"/>
        </w:rPr>
      </w:pPr>
      <w:r>
        <w:rPr>
          <w:b/>
          <w:bCs/>
          <w:sz w:val="52"/>
          <w:szCs w:val="52"/>
        </w:rPr>
        <w:t>Lista 4</w:t>
      </w:r>
    </w:p>
    <w:p w14:paraId="5FC0F240" w14:textId="3C4C3BF5" w:rsidR="00F42641" w:rsidRDefault="00684638" w:rsidP="00F42641">
      <w:pPr>
        <w:jc w:val="center"/>
        <w:rPr>
          <w:b/>
          <w:bCs/>
          <w:sz w:val="52"/>
          <w:szCs w:val="52"/>
        </w:rPr>
      </w:pPr>
      <w:r w:rsidRPr="00684638">
        <w:rPr>
          <w:b/>
          <w:bCs/>
          <w:sz w:val="52"/>
          <w:szCs w:val="52"/>
        </w:rPr>
        <w:t>Badanie, strojenie i porównanie wyników metaheurystyk EA, TS i SA w rozwiązywaniu TSP</w:t>
      </w:r>
    </w:p>
    <w:p w14:paraId="53A4E95D" w14:textId="789979EF" w:rsidR="00F42641" w:rsidRDefault="00F42641" w:rsidP="00F42641">
      <w:pPr>
        <w:jc w:val="center"/>
        <w:rPr>
          <w:b/>
          <w:bCs/>
          <w:sz w:val="52"/>
          <w:szCs w:val="52"/>
        </w:rPr>
      </w:pPr>
    </w:p>
    <w:p w14:paraId="32E7CE45" w14:textId="01E0FE11" w:rsidR="00F42641" w:rsidRDefault="00F42641" w:rsidP="00F42641">
      <w:pPr>
        <w:jc w:val="center"/>
        <w:rPr>
          <w:b/>
          <w:bCs/>
          <w:sz w:val="52"/>
          <w:szCs w:val="52"/>
        </w:rPr>
      </w:pPr>
    </w:p>
    <w:p w14:paraId="2F7F9337" w14:textId="4C3F71EF" w:rsidR="00F42641" w:rsidRDefault="00F42641" w:rsidP="00F42641">
      <w:pPr>
        <w:jc w:val="center"/>
        <w:rPr>
          <w:b/>
          <w:bCs/>
          <w:sz w:val="52"/>
          <w:szCs w:val="52"/>
        </w:rPr>
      </w:pPr>
    </w:p>
    <w:p w14:paraId="3902BD35" w14:textId="39217CDC" w:rsidR="00F42641" w:rsidRDefault="00F42641" w:rsidP="00F42641">
      <w:pPr>
        <w:jc w:val="center"/>
        <w:rPr>
          <w:sz w:val="20"/>
          <w:szCs w:val="20"/>
        </w:rPr>
      </w:pPr>
    </w:p>
    <w:p w14:paraId="54BFDF42" w14:textId="5FE4D0EC" w:rsidR="00F42641" w:rsidRDefault="00F42641" w:rsidP="00F42641">
      <w:pPr>
        <w:jc w:val="center"/>
      </w:pPr>
    </w:p>
    <w:p w14:paraId="682FE7CA" w14:textId="10DC2C78" w:rsidR="00F42641" w:rsidRDefault="00F42641" w:rsidP="00F42641">
      <w:pPr>
        <w:jc w:val="center"/>
      </w:pPr>
    </w:p>
    <w:p w14:paraId="69A2A346" w14:textId="1F5EB0AA" w:rsidR="00F42641" w:rsidRDefault="00F42641" w:rsidP="00F42641">
      <w:pPr>
        <w:jc w:val="center"/>
      </w:pPr>
    </w:p>
    <w:p w14:paraId="0EAC2362" w14:textId="7CD60DDC" w:rsidR="00F42641" w:rsidRDefault="00F42641" w:rsidP="00F42641">
      <w:pPr>
        <w:jc w:val="center"/>
      </w:pPr>
    </w:p>
    <w:p w14:paraId="3ADEB805" w14:textId="0D465E7A" w:rsidR="00F42641" w:rsidRDefault="00F42641" w:rsidP="00F42641">
      <w:pPr>
        <w:jc w:val="center"/>
      </w:pPr>
    </w:p>
    <w:p w14:paraId="5FA32CCF" w14:textId="11FAEDC6" w:rsidR="00F42641" w:rsidRDefault="00F42641" w:rsidP="00F42641">
      <w:pPr>
        <w:jc w:val="center"/>
      </w:pPr>
    </w:p>
    <w:p w14:paraId="62807FF9" w14:textId="76BA5263" w:rsidR="00F42641" w:rsidRDefault="00F42641" w:rsidP="00F42641">
      <w:pPr>
        <w:jc w:val="center"/>
      </w:pPr>
    </w:p>
    <w:p w14:paraId="64F7A57C" w14:textId="0B947A44" w:rsidR="00F42641" w:rsidRDefault="00F42641" w:rsidP="00F42641">
      <w:pPr>
        <w:jc w:val="center"/>
      </w:pPr>
    </w:p>
    <w:p w14:paraId="5A232B9D" w14:textId="124D069F" w:rsidR="00F42641" w:rsidRDefault="00F42641" w:rsidP="00F42641">
      <w:pPr>
        <w:jc w:val="center"/>
      </w:pPr>
    </w:p>
    <w:p w14:paraId="3003BA69" w14:textId="1A130DE9" w:rsidR="00F42641" w:rsidRDefault="00F42641" w:rsidP="00F42641">
      <w:pPr>
        <w:jc w:val="center"/>
      </w:pPr>
    </w:p>
    <w:p w14:paraId="68096D39" w14:textId="4CB00BC8" w:rsidR="00F42641" w:rsidRDefault="00F42641" w:rsidP="00F42641">
      <w:pPr>
        <w:jc w:val="center"/>
      </w:pPr>
    </w:p>
    <w:p w14:paraId="18C0DCF6" w14:textId="39E99306" w:rsidR="00F42641" w:rsidRDefault="00F42641" w:rsidP="00F42641">
      <w:pPr>
        <w:jc w:val="center"/>
      </w:pPr>
    </w:p>
    <w:p w14:paraId="50BA15DC" w14:textId="0DE57A1B" w:rsidR="00F42641" w:rsidRDefault="00F42641" w:rsidP="00F42641">
      <w:pPr>
        <w:jc w:val="center"/>
      </w:pPr>
    </w:p>
    <w:p w14:paraId="378A27D7" w14:textId="4A272844" w:rsidR="00F42641" w:rsidRDefault="00F42641" w:rsidP="00F42641">
      <w:pPr>
        <w:jc w:val="center"/>
      </w:pPr>
    </w:p>
    <w:p w14:paraId="5B408547" w14:textId="5545E70F" w:rsidR="00F42641" w:rsidRDefault="00F42641" w:rsidP="00F42641">
      <w:pPr>
        <w:jc w:val="center"/>
      </w:pPr>
    </w:p>
    <w:p w14:paraId="4756D65F" w14:textId="4E0BD635" w:rsidR="00F42641" w:rsidRDefault="00F42641" w:rsidP="00F42641">
      <w:pPr>
        <w:jc w:val="center"/>
      </w:pPr>
    </w:p>
    <w:p w14:paraId="372589FE" w14:textId="785D36D9" w:rsidR="00F42641" w:rsidRDefault="0003703F" w:rsidP="00F42641">
      <w:pPr>
        <w:pStyle w:val="Nagwek2"/>
      </w:pPr>
      <w:r>
        <w:lastRenderedPageBreak/>
        <w:t xml:space="preserve">Dane wejściowe </w:t>
      </w:r>
      <w:proofErr w:type="spellStart"/>
      <w:r w:rsidR="00AD1010">
        <w:t>Easy</w:t>
      </w:r>
      <w:proofErr w:type="spellEnd"/>
      <w:r>
        <w:t xml:space="preserve"> 4</w:t>
      </w:r>
    </w:p>
    <w:p w14:paraId="2B0E1E9D" w14:textId="033A14A7" w:rsidR="00DC5D07" w:rsidRDefault="0057152A" w:rsidP="00DC5D07">
      <w:r>
        <w:t>Przebieg konfiguracji:</w:t>
      </w:r>
    </w:p>
    <w:p w14:paraId="6636E9B0" w14:textId="598617A1" w:rsidR="0057152A" w:rsidRDefault="0057152A" w:rsidP="00DC5D07">
      <w:r>
        <w:t>EA:</w:t>
      </w:r>
      <w:r>
        <w:br/>
      </w:r>
      <w:r w:rsidR="009454E8">
        <w:t xml:space="preserve">Wybrane sposoby selekcji, krzyżowania i mutacji, a także ich </w:t>
      </w:r>
      <w:r w:rsidR="00737AA1">
        <w:t xml:space="preserve">wartości procentowe ustalałem już w ramach 1 listy. Teraz tylko zmniejszyłem liczbę generacji i populacji, </w:t>
      </w:r>
      <w:r w:rsidR="001D12F2">
        <w:t xml:space="preserve">a widząc że osiąga wyniki zbliżone do metody </w:t>
      </w:r>
      <w:proofErr w:type="spellStart"/>
      <w:r w:rsidR="001D12F2">
        <w:t>greedy</w:t>
      </w:r>
      <w:proofErr w:type="spellEnd"/>
      <w:r w:rsidR="001D12F2">
        <w:t xml:space="preserve">, </w:t>
      </w:r>
      <w:r w:rsidR="00B8166B">
        <w:t>pozostawiłem w obecnej konfiguracji.</w:t>
      </w:r>
    </w:p>
    <w:p w14:paraId="67A45609" w14:textId="046722BC" w:rsidR="0057152A" w:rsidRDefault="0057152A" w:rsidP="00DC5D07">
      <w:r>
        <w:t>TS:</w:t>
      </w:r>
      <w:r>
        <w:br/>
      </w:r>
      <w:r w:rsidR="009F45E2">
        <w:t>Wielkość sąsiedztwa</w:t>
      </w:r>
      <w:r w:rsidR="003664D7">
        <w:t xml:space="preserve">, sposób mutacji, i uzależnienie rozmiaru Tabu od ilości generacji ustaliłem w liście 2. </w:t>
      </w:r>
      <w:r w:rsidR="00C34F79">
        <w:t xml:space="preserve">Cała konfiguracja jest wzięta z </w:t>
      </w:r>
      <w:r w:rsidR="00F900DD">
        <w:t>tamtej listy.</w:t>
      </w:r>
    </w:p>
    <w:p w14:paraId="14A15CCC" w14:textId="77777777" w:rsidR="002B34D3" w:rsidRDefault="0057152A" w:rsidP="00DC5D07">
      <w:r>
        <w:t>SA:</w:t>
      </w:r>
      <w:r>
        <w:br/>
      </w:r>
      <w:r w:rsidR="00B60115">
        <w:t xml:space="preserve">Inspirowany innym rozwiązaniem postanowiłem nie zmieniać mnożnika temperatury, tylko ustalić temperaturę początkową i końcową, a mnożnik wyznaczyć ze wzoru tak, aby temperatura nadal spadała wykładniczo, </w:t>
      </w:r>
      <w:proofErr w:type="spellStart"/>
      <w:r w:rsidR="00B60115">
        <w:t>tj</w:t>
      </w:r>
      <w:proofErr w:type="spellEnd"/>
      <w:r w:rsidR="002B34D3">
        <w:t>:</w:t>
      </w:r>
    </w:p>
    <w:p w14:paraId="6176ADF8" w14:textId="39BF6CD2" w:rsidR="002B34D3" w:rsidRPr="002372A9" w:rsidRDefault="002B34D3" w:rsidP="00DC5D07">
      <w:pPr>
        <w:rPr>
          <w:rFonts w:eastAsiaTheme="minorEastAsia"/>
        </w:rPr>
      </w:pPr>
      <m:oMathPara>
        <m:oMath>
          <m:r>
            <w:rPr>
              <w:rFonts w:ascii="Cambria Math" w:hAnsi="Cambria Math"/>
            </w:rPr>
            <m:t>mnożnik=</m:t>
          </m:r>
          <m:rad>
            <m:radPr>
              <m:ctrlPr>
                <w:rPr>
                  <w:rFonts w:ascii="Cambria Math" w:hAnsi="Cambria Math"/>
                  <w:i/>
                </w:rPr>
              </m:ctrlPr>
            </m:radPr>
            <m:deg>
              <m:r>
                <w:rPr>
                  <w:rFonts w:ascii="Cambria Math" w:hAnsi="Cambria Math"/>
                </w:rPr>
                <m:t>N</m:t>
              </m:r>
            </m:deg>
            <m:e>
              <m:f>
                <m:fPr>
                  <m:ctrlPr>
                    <w:rPr>
                      <w:rFonts w:ascii="Cambria Math" w:hAnsi="Cambria Math"/>
                      <w:i/>
                    </w:rPr>
                  </m:ctrlPr>
                </m:fPr>
                <m:num>
                  <m:sSub>
                    <m:sSubPr>
                      <m:ctrlPr>
                        <w:rPr>
                          <w:rFonts w:ascii="Cambria Math" w:hAnsi="Cambria Math"/>
                          <w:i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</w:rPr>
                        <m:t>T</m:t>
                      </m:r>
                    </m:e>
                    <m:sub>
                      <m:r>
                        <w:rPr>
                          <w:rFonts w:ascii="Cambria Math" w:hAnsi="Cambria Math"/>
                        </w:rPr>
                        <m:t>k</m:t>
                      </m:r>
                    </m:sub>
                  </m:sSub>
                </m:num>
                <m:den>
                  <m:sSub>
                    <m:sSubPr>
                      <m:ctrlPr>
                        <w:rPr>
                          <w:rFonts w:ascii="Cambria Math" w:hAnsi="Cambria Math"/>
                          <w:i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</w:rPr>
                        <m:t>T</m:t>
                      </m:r>
                    </m:e>
                    <m:sub>
                      <m:r>
                        <w:rPr>
                          <w:rFonts w:ascii="Cambria Math" w:hAnsi="Cambria Math"/>
                        </w:rPr>
                        <m:t>p</m:t>
                      </m:r>
                    </m:sub>
                  </m:sSub>
                </m:den>
              </m:f>
            </m:e>
          </m:rad>
        </m:oMath>
      </m:oMathPara>
    </w:p>
    <w:p w14:paraId="7FBE8369" w14:textId="36A16094" w:rsidR="002372A9" w:rsidRPr="00B858D3" w:rsidRDefault="002372A9" w:rsidP="00DC5D07">
      <w:r>
        <w:rPr>
          <w:rFonts w:eastAsiaTheme="minorEastAsia"/>
        </w:rPr>
        <w:t>Gdzie</w:t>
      </w:r>
      <w:r w:rsidR="00B858D3">
        <w:rPr>
          <w:rFonts w:eastAsiaTheme="minorEastAsia"/>
        </w:rPr>
        <w:t xml:space="preserve">: N – liczba generacji, </w:t>
      </w:r>
      <w:proofErr w:type="spellStart"/>
      <w:r w:rsidR="00B858D3">
        <w:rPr>
          <w:rFonts w:eastAsiaTheme="minorEastAsia"/>
        </w:rPr>
        <w:t>T</w:t>
      </w:r>
      <w:r w:rsidR="00B858D3">
        <w:rPr>
          <w:rFonts w:eastAsiaTheme="minorEastAsia"/>
          <w:vertAlign w:val="subscript"/>
        </w:rPr>
        <w:t>k</w:t>
      </w:r>
      <w:proofErr w:type="spellEnd"/>
      <w:r w:rsidR="00B858D3">
        <w:rPr>
          <w:rFonts w:eastAsiaTheme="minorEastAsia"/>
        </w:rPr>
        <w:t xml:space="preserve"> </w:t>
      </w:r>
      <w:r w:rsidR="009A6A88">
        <w:rPr>
          <w:rFonts w:eastAsiaTheme="minorEastAsia"/>
        </w:rPr>
        <w:t>–</w:t>
      </w:r>
      <w:r w:rsidR="00B858D3">
        <w:rPr>
          <w:rFonts w:eastAsiaTheme="minorEastAsia"/>
        </w:rPr>
        <w:t xml:space="preserve"> </w:t>
      </w:r>
      <w:r w:rsidR="009A6A88">
        <w:rPr>
          <w:rFonts w:eastAsiaTheme="minorEastAsia"/>
        </w:rPr>
        <w:t>temperatura końcowa,</w:t>
      </w:r>
      <w:r w:rsidR="00B858D3">
        <w:rPr>
          <w:rFonts w:eastAsiaTheme="minorEastAsia"/>
        </w:rPr>
        <w:t xml:space="preserve"> </w:t>
      </w:r>
      <w:proofErr w:type="spellStart"/>
      <w:r w:rsidR="00B858D3">
        <w:rPr>
          <w:rFonts w:eastAsiaTheme="minorEastAsia"/>
        </w:rPr>
        <w:t>T</w:t>
      </w:r>
      <w:r w:rsidR="00B858D3">
        <w:rPr>
          <w:rFonts w:eastAsiaTheme="minorEastAsia"/>
          <w:vertAlign w:val="subscript"/>
        </w:rPr>
        <w:t>p</w:t>
      </w:r>
      <w:proofErr w:type="spellEnd"/>
      <w:r w:rsidR="009A6A88">
        <w:rPr>
          <w:rFonts w:eastAsiaTheme="minorEastAsia"/>
          <w:vertAlign w:val="subscript"/>
        </w:rPr>
        <w:t xml:space="preserve"> </w:t>
      </w:r>
      <w:r w:rsidR="009A6A88">
        <w:t>– temperatura początkowa</w:t>
      </w:r>
    </w:p>
    <w:p w14:paraId="6EA06006" w14:textId="3829BA28" w:rsidR="0057152A" w:rsidRPr="00DC5D07" w:rsidRDefault="000A3AB8" w:rsidP="00DC5D07">
      <w:r>
        <w:t xml:space="preserve">Jako, że wyżarzanie konfigurowałem tylko na plikach hard, całą konfigurację przetestowałem od nowa. </w:t>
      </w:r>
      <w:r w:rsidR="00057FE0">
        <w:t xml:space="preserve">Pozostawiłem wielkość sąsiedztwa oraz sposób mutacji, taki jak </w:t>
      </w:r>
      <w:r w:rsidR="008A7030">
        <w:t xml:space="preserve">w liście 3, ale zmniejszyłem liczbę generacji i temperaturę tak, aby odpowiadała na potrzeby plików </w:t>
      </w:r>
      <w:proofErr w:type="spellStart"/>
      <w:r w:rsidR="008A7030">
        <w:t>easy</w:t>
      </w:r>
      <w:proofErr w:type="spellEnd"/>
      <w:r w:rsidR="008A7030">
        <w:t xml:space="preserve"> i medium</w:t>
      </w:r>
      <w:r w:rsidR="00971C89">
        <w:t xml:space="preserve">. Ustaliłem też </w:t>
      </w:r>
      <w:r w:rsidR="00243E88">
        <w:t>temperaturę końcową na równą 5</w:t>
      </w:r>
      <w:r w:rsidR="008A7030">
        <w:t>. Zacząłem od 1000 generacji, tak jak w Tabu i 5000 Temperatury początkowej</w:t>
      </w:r>
      <w:r w:rsidR="00930039">
        <w:t>, jednak musiałem zmniejszyć temperaturę</w:t>
      </w:r>
      <w:r w:rsidR="003D72F6">
        <w:t xml:space="preserve">, która ostatecznie wyniosła 1000. </w:t>
      </w:r>
      <w:r w:rsidR="004213C4">
        <w:t xml:space="preserve">Jednocześnie zwiększyłem ilość generacji do 3 000, żeby </w:t>
      </w:r>
      <w:r w:rsidR="004D43BA">
        <w:t>zmaksymalizować możliwy wzrost.</w:t>
      </w:r>
    </w:p>
    <w:tbl>
      <w:tblPr>
        <w:tblStyle w:val="Tabela-Siatka"/>
        <w:tblpPr w:leftFromText="141" w:rightFromText="141" w:vertAnchor="text" w:horzAnchor="margin" w:tblpXSpec="center" w:tblpY="488"/>
        <w:tblW w:w="10348" w:type="dxa"/>
        <w:tblLook w:val="04A0" w:firstRow="1" w:lastRow="0" w:firstColumn="1" w:lastColumn="0" w:noHBand="0" w:noVBand="1"/>
      </w:tblPr>
      <w:tblGrid>
        <w:gridCol w:w="1701"/>
        <w:gridCol w:w="1418"/>
        <w:gridCol w:w="425"/>
        <w:gridCol w:w="1701"/>
        <w:gridCol w:w="1417"/>
        <w:gridCol w:w="426"/>
        <w:gridCol w:w="1984"/>
        <w:gridCol w:w="1276"/>
      </w:tblGrid>
      <w:tr w:rsidR="00DA4DD7" w14:paraId="03340BBE" w14:textId="77777777" w:rsidTr="009800FE">
        <w:trPr>
          <w:trHeight w:val="336"/>
        </w:trPr>
        <w:tc>
          <w:tcPr>
            <w:tcW w:w="1701" w:type="dxa"/>
            <w:shd w:val="clear" w:color="auto" w:fill="B4C6E7" w:themeFill="accent1" w:themeFillTint="66"/>
          </w:tcPr>
          <w:p w14:paraId="3F9B990C" w14:textId="18B5CC2C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418" w:type="dxa"/>
            <w:shd w:val="clear" w:color="auto" w:fill="B4C6E7" w:themeFill="accent1" w:themeFillTint="66"/>
          </w:tcPr>
          <w:p w14:paraId="4F4B2F5C" w14:textId="2336CD8A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EA</w:t>
            </w:r>
          </w:p>
        </w:tc>
        <w:tc>
          <w:tcPr>
            <w:tcW w:w="425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1264B9A3" w14:textId="77777777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701" w:type="dxa"/>
            <w:shd w:val="clear" w:color="auto" w:fill="B4C6E7" w:themeFill="accent1" w:themeFillTint="66"/>
          </w:tcPr>
          <w:p w14:paraId="3D325431" w14:textId="796C1FF2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 xml:space="preserve">Dane </w:t>
            </w:r>
          </w:p>
        </w:tc>
        <w:tc>
          <w:tcPr>
            <w:tcW w:w="1417" w:type="dxa"/>
            <w:shd w:val="clear" w:color="auto" w:fill="B4C6E7" w:themeFill="accent1" w:themeFillTint="66"/>
          </w:tcPr>
          <w:p w14:paraId="4ED4BB8F" w14:textId="1205079E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TS</w:t>
            </w:r>
          </w:p>
        </w:tc>
        <w:tc>
          <w:tcPr>
            <w:tcW w:w="426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522C3C08" w14:textId="77777777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984" w:type="dxa"/>
            <w:shd w:val="clear" w:color="auto" w:fill="B4C6E7" w:themeFill="accent1" w:themeFillTint="66"/>
          </w:tcPr>
          <w:p w14:paraId="0607EC01" w14:textId="76BF3422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276" w:type="dxa"/>
            <w:shd w:val="clear" w:color="auto" w:fill="B4C6E7" w:themeFill="accent1" w:themeFillTint="66"/>
          </w:tcPr>
          <w:p w14:paraId="78F5A7D2" w14:textId="50F10EF5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A</w:t>
            </w:r>
          </w:p>
        </w:tc>
      </w:tr>
      <w:tr w:rsidR="00DA4DD7" w14:paraId="451541AA" w14:textId="77777777" w:rsidTr="00C376DC">
        <w:tc>
          <w:tcPr>
            <w:tcW w:w="1701" w:type="dxa"/>
          </w:tcPr>
          <w:p w14:paraId="7EB33397" w14:textId="4E6A9B2A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8" w:type="dxa"/>
          </w:tcPr>
          <w:p w14:paraId="3BCF1135" w14:textId="6ACF87F3" w:rsidR="00DA4DD7" w:rsidRDefault="00DA4DD7" w:rsidP="00DA4DD7">
            <w:r>
              <w:t>5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11D3F7A6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701" w:type="dxa"/>
          </w:tcPr>
          <w:p w14:paraId="0BD0432C" w14:textId="1DF7C69B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7" w:type="dxa"/>
          </w:tcPr>
          <w:p w14:paraId="4FAD945F" w14:textId="458AEDB1" w:rsidR="00DA4DD7" w:rsidRDefault="00DA4DD7" w:rsidP="00DA4DD7">
            <w:pPr>
              <w:spacing w:line="259" w:lineRule="auto"/>
            </w:pPr>
            <w:r>
              <w:t>1 0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5121F2DA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984" w:type="dxa"/>
          </w:tcPr>
          <w:p w14:paraId="1E6E7614" w14:textId="4FD25E8F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276" w:type="dxa"/>
          </w:tcPr>
          <w:p w14:paraId="0EB4B1CA" w14:textId="54826EFC" w:rsidR="00DA4DD7" w:rsidRDefault="00DA4DD7" w:rsidP="00DA4DD7">
            <w:pPr>
              <w:spacing w:line="259" w:lineRule="auto"/>
            </w:pPr>
            <w:r>
              <w:t>3 000</w:t>
            </w:r>
          </w:p>
        </w:tc>
      </w:tr>
      <w:tr w:rsidR="00DA4DD7" w14:paraId="0C8EE7F1" w14:textId="77777777" w:rsidTr="00C376DC">
        <w:tc>
          <w:tcPr>
            <w:tcW w:w="1701" w:type="dxa"/>
          </w:tcPr>
          <w:p w14:paraId="5B84E1D6" w14:textId="3B6780BA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Populacja</w:t>
            </w:r>
          </w:p>
        </w:tc>
        <w:tc>
          <w:tcPr>
            <w:tcW w:w="1418" w:type="dxa"/>
          </w:tcPr>
          <w:p w14:paraId="13D8A8BC" w14:textId="0CC233CB" w:rsidR="00DA4DD7" w:rsidRDefault="00DA4DD7" w:rsidP="00DA4DD7">
            <w:r>
              <w:t>3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79CDED8A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701" w:type="dxa"/>
          </w:tcPr>
          <w:p w14:paraId="6C1EBEA4" w14:textId="526C1F84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417" w:type="dxa"/>
          </w:tcPr>
          <w:p w14:paraId="72848EFD" w14:textId="1901E372" w:rsidR="00DA4DD7" w:rsidRDefault="00DA4DD7" w:rsidP="00DA4DD7">
            <w:pPr>
              <w:spacing w:line="259" w:lineRule="auto"/>
            </w:pPr>
            <w:r>
              <w:t>5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626E7206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984" w:type="dxa"/>
          </w:tcPr>
          <w:p w14:paraId="42194298" w14:textId="47BC9D3A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276" w:type="dxa"/>
          </w:tcPr>
          <w:p w14:paraId="5E1CA911" w14:textId="29E8A7FE" w:rsidR="00DA4DD7" w:rsidRDefault="00DA4DD7" w:rsidP="00DA4DD7">
            <w:pPr>
              <w:spacing w:line="259" w:lineRule="auto"/>
            </w:pPr>
            <w:r>
              <w:t>25</w:t>
            </w:r>
          </w:p>
        </w:tc>
      </w:tr>
      <w:tr w:rsidR="00DA4DD7" w14:paraId="1AC4AAF4" w14:textId="77777777" w:rsidTr="00C376DC">
        <w:tc>
          <w:tcPr>
            <w:tcW w:w="1701" w:type="dxa"/>
          </w:tcPr>
          <w:p w14:paraId="6164B834" w14:textId="4C318E83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Selekcja</w:t>
            </w:r>
          </w:p>
        </w:tc>
        <w:tc>
          <w:tcPr>
            <w:tcW w:w="1418" w:type="dxa"/>
          </w:tcPr>
          <w:p w14:paraId="6FFB90CF" w14:textId="1DD74662" w:rsidR="00DA4DD7" w:rsidRDefault="00DA4DD7" w:rsidP="00DA4DD7">
            <w:r>
              <w:t>Turniej</w:t>
            </w:r>
            <w:r w:rsidR="00A62D85">
              <w:t>, 5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20EF40F3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701" w:type="dxa"/>
          </w:tcPr>
          <w:p w14:paraId="159B658C" w14:textId="197CF366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Rozmiar Tabu</w:t>
            </w:r>
          </w:p>
        </w:tc>
        <w:tc>
          <w:tcPr>
            <w:tcW w:w="1417" w:type="dxa"/>
          </w:tcPr>
          <w:p w14:paraId="05937957" w14:textId="69923DFC" w:rsidR="00DA4DD7" w:rsidRDefault="00DA4DD7" w:rsidP="00DA4DD7">
            <w:pPr>
              <w:spacing w:line="259" w:lineRule="auto"/>
            </w:pPr>
            <w:r>
              <w:t>2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05A2AB0B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984" w:type="dxa"/>
          </w:tcPr>
          <w:p w14:paraId="4C886D75" w14:textId="5FA45EBF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początkowa</w:t>
            </w:r>
          </w:p>
        </w:tc>
        <w:tc>
          <w:tcPr>
            <w:tcW w:w="1276" w:type="dxa"/>
          </w:tcPr>
          <w:p w14:paraId="28DBFEA4" w14:textId="3FD39E41" w:rsidR="00DA4DD7" w:rsidRDefault="00DA4DD7" w:rsidP="00DA4DD7">
            <w:pPr>
              <w:spacing w:line="259" w:lineRule="auto"/>
            </w:pPr>
            <w:r>
              <w:t>1 000</w:t>
            </w:r>
          </w:p>
        </w:tc>
      </w:tr>
      <w:tr w:rsidR="009C5D20" w14:paraId="5CC6E4F0" w14:textId="77777777" w:rsidTr="00C376DC">
        <w:tc>
          <w:tcPr>
            <w:tcW w:w="1701" w:type="dxa"/>
          </w:tcPr>
          <w:p w14:paraId="05DF1029" w14:textId="77777777" w:rsidR="009C5D20" w:rsidRPr="009800FE" w:rsidRDefault="009C5D20" w:rsidP="009C5D20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Krzyżowanie</w:t>
            </w:r>
          </w:p>
        </w:tc>
        <w:tc>
          <w:tcPr>
            <w:tcW w:w="1418" w:type="dxa"/>
          </w:tcPr>
          <w:p w14:paraId="597BAD3D" w14:textId="4AA1E988" w:rsidR="009C5D20" w:rsidRDefault="009C5D20" w:rsidP="009C5D20">
            <w:r>
              <w:t>OX, 70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78B1EDC6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701" w:type="dxa"/>
            <w:tcBorders>
              <w:bottom w:val="single" w:sz="4" w:space="0" w:color="auto"/>
            </w:tcBorders>
          </w:tcPr>
          <w:p w14:paraId="5CFBC55B" w14:textId="77777777" w:rsidR="009C5D20" w:rsidRPr="009800FE" w:rsidRDefault="009C5D20" w:rsidP="009C5D20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7" w:type="dxa"/>
            <w:tcBorders>
              <w:bottom w:val="single" w:sz="4" w:space="0" w:color="auto"/>
            </w:tcBorders>
          </w:tcPr>
          <w:p w14:paraId="41CF1AC9" w14:textId="3EC3E139" w:rsidR="009C5D20" w:rsidRDefault="009C5D20" w:rsidP="009C5D20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41436BFC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984" w:type="dxa"/>
          </w:tcPr>
          <w:p w14:paraId="529269A7" w14:textId="2C13BAFD" w:rsidR="009C5D20" w:rsidRPr="009800FE" w:rsidRDefault="009C5D20" w:rsidP="009C5D20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końcowa</w:t>
            </w:r>
            <w:r w:rsidRPr="009800FE">
              <w:rPr>
                <w:b/>
                <w:bCs/>
              </w:rPr>
              <w:t xml:space="preserve"> </w:t>
            </w:r>
          </w:p>
        </w:tc>
        <w:tc>
          <w:tcPr>
            <w:tcW w:w="1276" w:type="dxa"/>
          </w:tcPr>
          <w:p w14:paraId="55EC13F8" w14:textId="4A5A71BE" w:rsidR="009C5D20" w:rsidRDefault="00DA4DD7" w:rsidP="009C5D20">
            <w:pPr>
              <w:spacing w:line="259" w:lineRule="auto"/>
            </w:pPr>
            <w:r>
              <w:t>5</w:t>
            </w:r>
          </w:p>
        </w:tc>
      </w:tr>
      <w:tr w:rsidR="009C5D20" w14:paraId="64920D57" w14:textId="77777777" w:rsidTr="00C376DC">
        <w:tc>
          <w:tcPr>
            <w:tcW w:w="1701" w:type="dxa"/>
            <w:tcBorders>
              <w:bottom w:val="single" w:sz="4" w:space="0" w:color="auto"/>
            </w:tcBorders>
          </w:tcPr>
          <w:p w14:paraId="5549AED7" w14:textId="77777777" w:rsidR="009C5D20" w:rsidRPr="009800FE" w:rsidRDefault="009C5D20" w:rsidP="009C5D20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8" w:type="dxa"/>
            <w:tcBorders>
              <w:bottom w:val="single" w:sz="4" w:space="0" w:color="auto"/>
            </w:tcBorders>
          </w:tcPr>
          <w:p w14:paraId="06C55E47" w14:textId="5E20E1C8" w:rsidR="009C5D20" w:rsidRDefault="009C5D20" w:rsidP="009C5D20">
            <w:proofErr w:type="spellStart"/>
            <w:r>
              <w:t>Inverse</w:t>
            </w:r>
            <w:proofErr w:type="spellEnd"/>
            <w:r>
              <w:t>, 15%</w:t>
            </w:r>
          </w:p>
        </w:tc>
        <w:tc>
          <w:tcPr>
            <w:tcW w:w="425" w:type="dxa"/>
            <w:tcBorders>
              <w:top w:val="nil"/>
              <w:bottom w:val="nil"/>
              <w:right w:val="nil"/>
            </w:tcBorders>
          </w:tcPr>
          <w:p w14:paraId="5CBE7A0C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125CF74D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417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13880FC1" w14:textId="77777777" w:rsidR="009C5D20" w:rsidRDefault="009C5D20" w:rsidP="009C5D20">
            <w:pPr>
              <w:spacing w:line="259" w:lineRule="auto"/>
            </w:pPr>
          </w:p>
        </w:tc>
        <w:tc>
          <w:tcPr>
            <w:tcW w:w="426" w:type="dxa"/>
            <w:tcBorders>
              <w:top w:val="nil"/>
              <w:left w:val="nil"/>
              <w:bottom w:val="nil"/>
            </w:tcBorders>
          </w:tcPr>
          <w:p w14:paraId="65D11D3A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984" w:type="dxa"/>
            <w:tcBorders>
              <w:bottom w:val="single" w:sz="4" w:space="0" w:color="auto"/>
            </w:tcBorders>
          </w:tcPr>
          <w:p w14:paraId="225B2A2A" w14:textId="77777777" w:rsidR="009C5D20" w:rsidRPr="009800FE" w:rsidRDefault="009C5D20" w:rsidP="009C5D20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276" w:type="dxa"/>
            <w:tcBorders>
              <w:bottom w:val="single" w:sz="4" w:space="0" w:color="auto"/>
            </w:tcBorders>
          </w:tcPr>
          <w:p w14:paraId="1E6D5CE9" w14:textId="16009720" w:rsidR="009C5D20" w:rsidRDefault="009C5D20" w:rsidP="009C5D20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</w:tr>
    </w:tbl>
    <w:p w14:paraId="0BCE7675" w14:textId="72009FA9" w:rsidR="00C363FA" w:rsidRDefault="00A16A26" w:rsidP="00C363FA">
      <w:r>
        <w:t xml:space="preserve"> </w:t>
      </w:r>
      <w:r w:rsidR="00C363FA">
        <w:t>Tabela konfiguracji</w:t>
      </w:r>
    </w:p>
    <w:p w14:paraId="1CFA1926" w14:textId="41A378EF" w:rsidR="00AD1010" w:rsidRDefault="00AD1010" w:rsidP="00C363FA"/>
    <w:tbl>
      <w:tblPr>
        <w:tblStyle w:val="Tabela-Siatka"/>
        <w:tblW w:w="0" w:type="auto"/>
        <w:tblLook w:val="04A0" w:firstRow="1" w:lastRow="0" w:firstColumn="1" w:lastColumn="0" w:noHBand="0" w:noVBand="1"/>
      </w:tblPr>
      <w:tblGrid>
        <w:gridCol w:w="1444"/>
        <w:gridCol w:w="1283"/>
        <w:gridCol w:w="1269"/>
        <w:gridCol w:w="1324"/>
        <w:gridCol w:w="1259"/>
        <w:gridCol w:w="1298"/>
        <w:gridCol w:w="1185"/>
      </w:tblGrid>
      <w:tr w:rsidR="00A5471C" w14:paraId="47677BE8" w14:textId="6DCA82AB" w:rsidTr="00A5471C">
        <w:tc>
          <w:tcPr>
            <w:tcW w:w="1444" w:type="dxa"/>
            <w:shd w:val="clear" w:color="auto" w:fill="B4C6E7" w:themeFill="accent1" w:themeFillTint="66"/>
          </w:tcPr>
          <w:p w14:paraId="15DEE482" w14:textId="053FFB6A" w:rsidR="00A5471C" w:rsidRPr="00452375" w:rsidRDefault="00A5471C" w:rsidP="0003703F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Heurystyka</w:t>
            </w:r>
          </w:p>
        </w:tc>
        <w:tc>
          <w:tcPr>
            <w:tcW w:w="1283" w:type="dxa"/>
            <w:shd w:val="clear" w:color="auto" w:fill="B4C6E7" w:themeFill="accent1" w:themeFillTint="66"/>
          </w:tcPr>
          <w:p w14:paraId="22F11F54" w14:textId="5AA9A8AF" w:rsidR="00A5471C" w:rsidRPr="00452375" w:rsidRDefault="00A5471C" w:rsidP="0003703F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Best</w:t>
            </w:r>
          </w:p>
        </w:tc>
        <w:tc>
          <w:tcPr>
            <w:tcW w:w="1269" w:type="dxa"/>
            <w:shd w:val="clear" w:color="auto" w:fill="B4C6E7" w:themeFill="accent1" w:themeFillTint="66"/>
          </w:tcPr>
          <w:p w14:paraId="174B93AA" w14:textId="1BC31AD6" w:rsidR="00A5471C" w:rsidRPr="00452375" w:rsidRDefault="00A5471C" w:rsidP="0003703F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Avg</w:t>
            </w:r>
            <w:proofErr w:type="spellEnd"/>
          </w:p>
        </w:tc>
        <w:tc>
          <w:tcPr>
            <w:tcW w:w="1324" w:type="dxa"/>
            <w:shd w:val="clear" w:color="auto" w:fill="B4C6E7" w:themeFill="accent1" w:themeFillTint="66"/>
          </w:tcPr>
          <w:p w14:paraId="496C926F" w14:textId="04038E31" w:rsidR="00A5471C" w:rsidRPr="00452375" w:rsidRDefault="00A5471C" w:rsidP="0003703F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Worst</w:t>
            </w:r>
            <w:proofErr w:type="spellEnd"/>
          </w:p>
        </w:tc>
        <w:tc>
          <w:tcPr>
            <w:tcW w:w="1259" w:type="dxa"/>
            <w:shd w:val="clear" w:color="auto" w:fill="B4C6E7" w:themeFill="accent1" w:themeFillTint="66"/>
          </w:tcPr>
          <w:p w14:paraId="653A9692" w14:textId="63B8D776" w:rsidR="00A5471C" w:rsidRPr="00452375" w:rsidRDefault="00A5471C" w:rsidP="0003703F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Std</w:t>
            </w:r>
            <w:proofErr w:type="spellEnd"/>
          </w:p>
        </w:tc>
        <w:tc>
          <w:tcPr>
            <w:tcW w:w="1298" w:type="dxa"/>
            <w:shd w:val="clear" w:color="auto" w:fill="B4C6E7" w:themeFill="accent1" w:themeFillTint="66"/>
          </w:tcPr>
          <w:p w14:paraId="13AF4E9C" w14:textId="76D5F429" w:rsidR="00A5471C" w:rsidRPr="00452375" w:rsidRDefault="00A5471C" w:rsidP="0003703F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Time</w:t>
            </w:r>
          </w:p>
        </w:tc>
        <w:tc>
          <w:tcPr>
            <w:tcW w:w="1185" w:type="dxa"/>
            <w:shd w:val="clear" w:color="auto" w:fill="B4C6E7" w:themeFill="accent1" w:themeFillTint="66"/>
          </w:tcPr>
          <w:p w14:paraId="0D03CB91" w14:textId="46F7E73F" w:rsidR="00A5471C" w:rsidRPr="00452375" w:rsidRDefault="00A5471C" w:rsidP="0003703F">
            <w:pPr>
              <w:rPr>
                <w:b/>
                <w:bCs/>
              </w:rPr>
            </w:pPr>
            <w:r>
              <w:rPr>
                <w:b/>
                <w:bCs/>
              </w:rPr>
              <w:t>Urodzenia</w:t>
            </w:r>
          </w:p>
        </w:tc>
      </w:tr>
      <w:tr w:rsidR="007F08DC" w14:paraId="45B0B34C" w14:textId="430D730F" w:rsidTr="00E7539F">
        <w:tc>
          <w:tcPr>
            <w:tcW w:w="1444" w:type="dxa"/>
          </w:tcPr>
          <w:p w14:paraId="680946D3" w14:textId="1DC6BAB7" w:rsidR="007F08DC" w:rsidRDefault="007F08DC" w:rsidP="007F08DC">
            <w:proofErr w:type="spellStart"/>
            <w:r>
              <w:t>Greedy</w:t>
            </w:r>
            <w:proofErr w:type="spellEnd"/>
          </w:p>
        </w:tc>
        <w:tc>
          <w:tcPr>
            <w:tcW w:w="1283" w:type="dxa"/>
            <w:shd w:val="clear" w:color="auto" w:fill="A8D08D" w:themeFill="accent6" w:themeFillTint="99"/>
            <w:vAlign w:val="bottom"/>
          </w:tcPr>
          <w:p w14:paraId="46EEFACC" w14:textId="7F72258D" w:rsidR="007F08DC" w:rsidRDefault="007F08DC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3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28,09</w:t>
            </w:r>
          </w:p>
        </w:tc>
        <w:tc>
          <w:tcPr>
            <w:tcW w:w="1269" w:type="dxa"/>
            <w:vAlign w:val="bottom"/>
          </w:tcPr>
          <w:p w14:paraId="59183E66" w14:textId="722E90B3" w:rsidR="007F08DC" w:rsidRDefault="007F08DC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4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11,62</w:t>
            </w:r>
          </w:p>
        </w:tc>
        <w:tc>
          <w:tcPr>
            <w:tcW w:w="1324" w:type="dxa"/>
            <w:vAlign w:val="bottom"/>
          </w:tcPr>
          <w:p w14:paraId="121EA42D" w14:textId="0F317BA8" w:rsidR="007F08DC" w:rsidRDefault="007F08DC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6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87,64</w:t>
            </w:r>
          </w:p>
        </w:tc>
        <w:tc>
          <w:tcPr>
            <w:tcW w:w="1259" w:type="dxa"/>
            <w:vAlign w:val="bottom"/>
          </w:tcPr>
          <w:p w14:paraId="3C8D1303" w14:textId="4FCA752A" w:rsidR="007F08DC" w:rsidRDefault="007F08DC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451,33</w:t>
            </w:r>
          </w:p>
        </w:tc>
        <w:tc>
          <w:tcPr>
            <w:tcW w:w="1298" w:type="dxa"/>
          </w:tcPr>
          <w:p w14:paraId="0B1F2A91" w14:textId="727B8395" w:rsidR="007F08DC" w:rsidRDefault="007F08DC" w:rsidP="00D7746F">
            <w:pPr>
              <w:jc w:val="right"/>
            </w:pPr>
            <w:r>
              <w:t>-</w:t>
            </w:r>
          </w:p>
        </w:tc>
        <w:tc>
          <w:tcPr>
            <w:tcW w:w="1185" w:type="dxa"/>
          </w:tcPr>
          <w:p w14:paraId="7603D62C" w14:textId="07163A6F" w:rsidR="007F08DC" w:rsidRDefault="007F08DC" w:rsidP="00D7746F">
            <w:pPr>
              <w:jc w:val="right"/>
            </w:pPr>
            <w:r>
              <w:t>52</w:t>
            </w:r>
          </w:p>
        </w:tc>
      </w:tr>
      <w:tr w:rsidR="007F08DC" w14:paraId="3ADD0860" w14:textId="433D018B" w:rsidTr="0031248E">
        <w:tc>
          <w:tcPr>
            <w:tcW w:w="1444" w:type="dxa"/>
          </w:tcPr>
          <w:p w14:paraId="26DB5469" w14:textId="51A210FF" w:rsidR="007F08DC" w:rsidRDefault="007F08DC" w:rsidP="007F08DC">
            <w:proofErr w:type="spellStart"/>
            <w:r>
              <w:t>Random</w:t>
            </w:r>
            <w:proofErr w:type="spellEnd"/>
          </w:p>
        </w:tc>
        <w:tc>
          <w:tcPr>
            <w:tcW w:w="1283" w:type="dxa"/>
            <w:vAlign w:val="bottom"/>
          </w:tcPr>
          <w:p w14:paraId="474205E7" w14:textId="1161F276" w:rsidR="007F08DC" w:rsidRDefault="007F08DC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18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95,4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269" w:type="dxa"/>
            <w:vAlign w:val="bottom"/>
          </w:tcPr>
          <w:p w14:paraId="4AE94CE1" w14:textId="3B0D8988" w:rsidR="007F08DC" w:rsidRDefault="007F08DC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26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34,6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324" w:type="dxa"/>
            <w:vAlign w:val="bottom"/>
          </w:tcPr>
          <w:p w14:paraId="73372508" w14:textId="4C6F231F" w:rsidR="007F08DC" w:rsidRDefault="007F08DC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31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616,3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259" w:type="dxa"/>
            <w:vAlign w:val="bottom"/>
          </w:tcPr>
          <w:p w14:paraId="2594A72F" w14:textId="7A12834F" w:rsidR="007F08DC" w:rsidRDefault="007F08DC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</w:t>
            </w:r>
            <w:r w:rsidR="00787BB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674,33</w:t>
            </w:r>
          </w:p>
        </w:tc>
        <w:tc>
          <w:tcPr>
            <w:tcW w:w="1298" w:type="dxa"/>
          </w:tcPr>
          <w:p w14:paraId="52DE728A" w14:textId="0773D169" w:rsidR="007F08DC" w:rsidRDefault="007F08DC" w:rsidP="00D7746F">
            <w:pPr>
              <w:jc w:val="right"/>
            </w:pPr>
            <w:r>
              <w:t>-</w:t>
            </w:r>
          </w:p>
        </w:tc>
        <w:tc>
          <w:tcPr>
            <w:tcW w:w="1185" w:type="dxa"/>
          </w:tcPr>
          <w:p w14:paraId="16710857" w14:textId="2471482F" w:rsidR="007F08DC" w:rsidRDefault="007F08DC" w:rsidP="00D7746F">
            <w:pPr>
              <w:jc w:val="right"/>
            </w:pPr>
            <w:r>
              <w:t>10 000</w:t>
            </w:r>
          </w:p>
        </w:tc>
      </w:tr>
      <w:tr w:rsidR="00325AD5" w14:paraId="658AD5D6" w14:textId="73331C2B" w:rsidTr="00EC5921">
        <w:tc>
          <w:tcPr>
            <w:tcW w:w="1444" w:type="dxa"/>
          </w:tcPr>
          <w:p w14:paraId="4C972876" w14:textId="66A0B9E4" w:rsidR="00325AD5" w:rsidRDefault="00325AD5" w:rsidP="00325AD5">
            <w:r>
              <w:t>EA</w:t>
            </w:r>
          </w:p>
        </w:tc>
        <w:tc>
          <w:tcPr>
            <w:tcW w:w="1283" w:type="dxa"/>
            <w:vAlign w:val="bottom"/>
          </w:tcPr>
          <w:p w14:paraId="5DF80BAF" w14:textId="308988DF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3 289,11</w:t>
            </w:r>
          </w:p>
        </w:tc>
        <w:tc>
          <w:tcPr>
            <w:tcW w:w="1269" w:type="dxa"/>
            <w:vAlign w:val="bottom"/>
          </w:tcPr>
          <w:p w14:paraId="0FE52A18" w14:textId="7594E315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3 684,13</w:t>
            </w:r>
          </w:p>
        </w:tc>
        <w:tc>
          <w:tcPr>
            <w:tcW w:w="1324" w:type="dxa"/>
            <w:vAlign w:val="bottom"/>
          </w:tcPr>
          <w:p w14:paraId="658C9550" w14:textId="6D002BFD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4 139,96</w:t>
            </w:r>
          </w:p>
        </w:tc>
        <w:tc>
          <w:tcPr>
            <w:tcW w:w="1259" w:type="dxa"/>
            <w:vAlign w:val="bottom"/>
          </w:tcPr>
          <w:p w14:paraId="5D48F98C" w14:textId="50DD20F1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284,19</w:t>
            </w:r>
          </w:p>
        </w:tc>
        <w:tc>
          <w:tcPr>
            <w:tcW w:w="1298" w:type="dxa"/>
          </w:tcPr>
          <w:p w14:paraId="539A67BE" w14:textId="6137AD31" w:rsidR="00325AD5" w:rsidRDefault="00325AD5" w:rsidP="00325AD5">
            <w:pPr>
              <w:jc w:val="right"/>
            </w:pPr>
            <w:r>
              <w:t>1,34 s</w:t>
            </w:r>
          </w:p>
        </w:tc>
        <w:tc>
          <w:tcPr>
            <w:tcW w:w="1185" w:type="dxa"/>
          </w:tcPr>
          <w:p w14:paraId="0ACC8327" w14:textId="7852AC25" w:rsidR="00325AD5" w:rsidRDefault="00325AD5" w:rsidP="00325AD5">
            <w:pPr>
              <w:jc w:val="right"/>
            </w:pPr>
            <w:r>
              <w:t>~113 000</w:t>
            </w:r>
          </w:p>
        </w:tc>
      </w:tr>
      <w:tr w:rsidR="00325AD5" w14:paraId="26011B01" w14:textId="38890A6E" w:rsidTr="00EC5921">
        <w:tc>
          <w:tcPr>
            <w:tcW w:w="1444" w:type="dxa"/>
          </w:tcPr>
          <w:p w14:paraId="1A3A6F93" w14:textId="3A53FE63" w:rsidR="00325AD5" w:rsidRDefault="00325AD5" w:rsidP="00325AD5">
            <w:r>
              <w:t>TS</w:t>
            </w:r>
          </w:p>
        </w:tc>
        <w:tc>
          <w:tcPr>
            <w:tcW w:w="1283" w:type="dxa"/>
            <w:vAlign w:val="bottom"/>
          </w:tcPr>
          <w:p w14:paraId="4ED72568" w14:textId="06D0BD9F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3 576,29</w:t>
            </w:r>
          </w:p>
        </w:tc>
        <w:tc>
          <w:tcPr>
            <w:tcW w:w="1269" w:type="dxa"/>
            <w:vAlign w:val="bottom"/>
          </w:tcPr>
          <w:p w14:paraId="2EC2D9CE" w14:textId="5C1482DB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3 812,80</w:t>
            </w:r>
          </w:p>
        </w:tc>
        <w:tc>
          <w:tcPr>
            <w:tcW w:w="1324" w:type="dxa"/>
            <w:vAlign w:val="bottom"/>
          </w:tcPr>
          <w:p w14:paraId="042A7135" w14:textId="33230975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4 160,60</w:t>
            </w:r>
          </w:p>
        </w:tc>
        <w:tc>
          <w:tcPr>
            <w:tcW w:w="1259" w:type="dxa"/>
            <w:vAlign w:val="bottom"/>
          </w:tcPr>
          <w:p w14:paraId="6B45A8A9" w14:textId="30166C54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97,39</w:t>
            </w:r>
          </w:p>
        </w:tc>
        <w:tc>
          <w:tcPr>
            <w:tcW w:w="1298" w:type="dxa"/>
          </w:tcPr>
          <w:p w14:paraId="6A645440" w14:textId="19527EA5" w:rsidR="00325AD5" w:rsidRDefault="00325AD5" w:rsidP="00325AD5">
            <w:pPr>
              <w:jc w:val="right"/>
            </w:pPr>
            <w:r>
              <w:t>1,42 s</w:t>
            </w:r>
          </w:p>
        </w:tc>
        <w:tc>
          <w:tcPr>
            <w:tcW w:w="1185" w:type="dxa"/>
          </w:tcPr>
          <w:p w14:paraId="7C61DDCC" w14:textId="51637965" w:rsidR="00325AD5" w:rsidRDefault="00325AD5" w:rsidP="00325AD5">
            <w:pPr>
              <w:jc w:val="right"/>
            </w:pPr>
            <w:r>
              <w:t>50 000</w:t>
            </w:r>
          </w:p>
        </w:tc>
      </w:tr>
      <w:tr w:rsidR="00325AD5" w14:paraId="496B7625" w14:textId="2F38641E" w:rsidTr="00E7539F">
        <w:tc>
          <w:tcPr>
            <w:tcW w:w="1444" w:type="dxa"/>
          </w:tcPr>
          <w:p w14:paraId="1375C397" w14:textId="60B5511E" w:rsidR="00325AD5" w:rsidRDefault="00325AD5" w:rsidP="00325AD5">
            <w:r>
              <w:t>SA</w:t>
            </w:r>
          </w:p>
        </w:tc>
        <w:tc>
          <w:tcPr>
            <w:tcW w:w="1283" w:type="dxa"/>
            <w:vAlign w:val="bottom"/>
          </w:tcPr>
          <w:p w14:paraId="27DD439C" w14:textId="3B679177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3 297,03</w:t>
            </w:r>
          </w:p>
        </w:tc>
        <w:tc>
          <w:tcPr>
            <w:tcW w:w="1269" w:type="dxa"/>
            <w:shd w:val="clear" w:color="auto" w:fill="A8D08D" w:themeFill="accent6" w:themeFillTint="99"/>
            <w:vAlign w:val="bottom"/>
          </w:tcPr>
          <w:p w14:paraId="6E7783A6" w14:textId="4BB27A0A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3 450,45</w:t>
            </w:r>
          </w:p>
        </w:tc>
        <w:tc>
          <w:tcPr>
            <w:tcW w:w="1324" w:type="dxa"/>
            <w:shd w:val="clear" w:color="auto" w:fill="A8D08D" w:themeFill="accent6" w:themeFillTint="99"/>
            <w:vAlign w:val="bottom"/>
          </w:tcPr>
          <w:p w14:paraId="7A02582F" w14:textId="4A9F488B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3 699,31</w:t>
            </w:r>
          </w:p>
        </w:tc>
        <w:tc>
          <w:tcPr>
            <w:tcW w:w="1259" w:type="dxa"/>
            <w:shd w:val="clear" w:color="auto" w:fill="A8D08D" w:themeFill="accent6" w:themeFillTint="99"/>
            <w:vAlign w:val="bottom"/>
          </w:tcPr>
          <w:p w14:paraId="46FDFE08" w14:textId="5B228CC7" w:rsidR="00325AD5" w:rsidRDefault="00325AD5" w:rsidP="00325AD5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12,13</w:t>
            </w:r>
          </w:p>
        </w:tc>
        <w:tc>
          <w:tcPr>
            <w:tcW w:w="1298" w:type="dxa"/>
            <w:shd w:val="clear" w:color="auto" w:fill="A8D08D" w:themeFill="accent6" w:themeFillTint="99"/>
          </w:tcPr>
          <w:p w14:paraId="19075598" w14:textId="554DF2BA" w:rsidR="00325AD5" w:rsidRDefault="00325AD5" w:rsidP="00325AD5">
            <w:pPr>
              <w:jc w:val="right"/>
            </w:pPr>
            <w:r>
              <w:t>0,76 s</w:t>
            </w:r>
          </w:p>
        </w:tc>
        <w:tc>
          <w:tcPr>
            <w:tcW w:w="1185" w:type="dxa"/>
          </w:tcPr>
          <w:p w14:paraId="216594EA" w14:textId="182F4556" w:rsidR="00325AD5" w:rsidRDefault="00325AD5" w:rsidP="00325AD5">
            <w:pPr>
              <w:jc w:val="right"/>
            </w:pPr>
            <w:r>
              <w:t>75 000</w:t>
            </w:r>
          </w:p>
        </w:tc>
      </w:tr>
    </w:tbl>
    <w:p w14:paraId="44E13756" w14:textId="33D75E03" w:rsidR="0003703F" w:rsidRDefault="0003703F" w:rsidP="0003703F"/>
    <w:p w14:paraId="683E5C86" w14:textId="63DC2403" w:rsidR="00243E88" w:rsidRDefault="00E633B6" w:rsidP="0003703F">
      <w:r>
        <w:t>W takiej konfiguracji każda heury</w:t>
      </w:r>
      <w:r w:rsidR="00671A24">
        <w:t xml:space="preserve">styka osiągnęła lepszy średni oraz najgorszy wynik w porównaniu z metodą </w:t>
      </w:r>
      <w:proofErr w:type="spellStart"/>
      <w:r w:rsidR="00671A24">
        <w:t>Greedy</w:t>
      </w:r>
      <w:proofErr w:type="spellEnd"/>
      <w:r w:rsidR="00517150">
        <w:t xml:space="preserve">, choć żadnej nie udało się osiągnąć najlepszego ze wszystkich. Wszystkie miały też </w:t>
      </w:r>
      <w:r w:rsidR="00CB7B5D">
        <w:t xml:space="preserve">co najmniej 2 krotnie </w:t>
      </w:r>
      <w:r w:rsidR="00517150">
        <w:t>niższe odchylenie</w:t>
      </w:r>
      <w:r w:rsidR="00CB7B5D">
        <w:t xml:space="preserve">, a SA nawet 4 krotnie. </w:t>
      </w:r>
      <w:r w:rsidR="004F0EBA">
        <w:t>Biorąc</w:t>
      </w:r>
      <w:r w:rsidR="00CB7B5D">
        <w:t xml:space="preserve"> pod uwagę czas </w:t>
      </w:r>
      <w:r w:rsidR="004F0EBA">
        <w:t>najlepszym rozwiązaniem jest SA, choć TS miało najmniej urodzeń.</w:t>
      </w:r>
    </w:p>
    <w:p w14:paraId="502788AC" w14:textId="16C318DA" w:rsidR="00AD1010" w:rsidRDefault="00CD4FB7" w:rsidP="0003703F">
      <w:r>
        <w:rPr>
          <w:noProof/>
        </w:rPr>
        <w:lastRenderedPageBreak/>
        <mc:AlternateContent>
          <mc:Choice Requires="cx1">
            <w:drawing>
              <wp:inline distT="0" distB="0" distL="0" distR="0" wp14:anchorId="559D267B" wp14:editId="6DD6DF8A">
                <wp:extent cx="5760720" cy="3799840"/>
                <wp:effectExtent l="0" t="0" r="11430" b="10160"/>
                <wp:docPr id="1" name="Wykres 1">
                  <a:extLst xmlns:a="http://schemas.openxmlformats.org/drawingml/2006/main">
                    <a:ext uri="{FF2B5EF4-FFF2-40B4-BE49-F238E27FC236}">
                      <a16:creationId xmlns:a16="http://schemas.microsoft.com/office/drawing/2014/main" id="{DB648559-1AC2-0DFA-97E1-B0D01FA38249}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drawing/2014/chartex">
                    <cx:chart xmlns:cx="http://schemas.microsoft.com/office/drawing/2014/chartex" xmlns:r="http://schemas.openxmlformats.org/officeDocument/2006/relationships" r:id="rId5"/>
                  </a:graphicData>
                </a:graphic>
              </wp:inline>
            </w:drawing>
          </mc:Choice>
          <mc:Fallback>
            <w:drawing>
              <wp:inline distT="0" distB="0" distL="0" distR="0" wp14:anchorId="559D267B" wp14:editId="6DD6DF8A">
                <wp:extent cx="5760720" cy="3799840"/>
                <wp:effectExtent l="0" t="0" r="11430" b="10160"/>
                <wp:docPr id="1" name="Wykres 1">
                  <a:extLst xmlns:a="http://schemas.openxmlformats.org/drawingml/2006/main">
                    <a:ext uri="{FF2B5EF4-FFF2-40B4-BE49-F238E27FC236}">
                      <a16:creationId xmlns:a16="http://schemas.microsoft.com/office/drawing/2014/main" id="{DB648559-1AC2-0DFA-97E1-B0D01FA38249}"/>
                    </a:ext>
                  </a:extLst>
                </wp:docPr>
                <wp:cNvGraphicFramePr>
                  <a:graphicFrameLocks xmlns:a="http://schemas.openxmlformats.org/drawingml/2006/main" noGrp="1" noDrilldown="1" noSelect="1" noChangeAspect="1" noMove="1" noResize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1" name="Wykres 1">
                          <a:extLst>
                            <a:ext uri="{FF2B5EF4-FFF2-40B4-BE49-F238E27FC236}">
                              <a16:creationId xmlns:a16="http://schemas.microsoft.com/office/drawing/2014/main" id="{DB648559-1AC2-0DFA-97E1-B0D01FA38249}"/>
                            </a:ext>
                          </a:extLst>
                        </pic:cNvPr>
                        <pic:cNvPicPr>
                          <a:picLocks noGrp="1" noRot="1" noChangeAspect="1" noMove="1" noResize="1" noEditPoints="1" noAdjustHandles="1" noChangeArrowheads="1" noChangeShapeType="1"/>
                        </pic:cNvPicPr>
                      </pic:nvPicPr>
                      <pic:blipFill>
                        <a:blip r:embed="rId6"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5760720" cy="379984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mc:Fallback>
        </mc:AlternateContent>
      </w:r>
    </w:p>
    <w:p w14:paraId="7E9756C6" w14:textId="22EB2438" w:rsidR="00906F62" w:rsidRDefault="00B35627" w:rsidP="0003703F">
      <w:r>
        <w:t xml:space="preserve">Na wykresach postanowiłem nie umieszczać </w:t>
      </w:r>
      <w:proofErr w:type="spellStart"/>
      <w:r>
        <w:t>Random</w:t>
      </w:r>
      <w:proofErr w:type="spellEnd"/>
      <w:r>
        <w:t>, ponieważ jego niskie wyniki sprawiały, że nie dało się odczy</w:t>
      </w:r>
      <w:r w:rsidR="002357C7">
        <w:t>tać dokładności pozostałych wyników.</w:t>
      </w:r>
    </w:p>
    <w:p w14:paraId="38399734" w14:textId="7F0282B0" w:rsidR="00AD1010" w:rsidRDefault="00AD1010" w:rsidP="00AD1010">
      <w:pPr>
        <w:pStyle w:val="Nagwek2"/>
      </w:pPr>
      <w:r>
        <w:t xml:space="preserve">Dane wejściowe </w:t>
      </w:r>
      <w:r w:rsidR="00A36D1D">
        <w:t>Medium 0</w:t>
      </w:r>
    </w:p>
    <w:p w14:paraId="1E5C871C" w14:textId="5FA44169" w:rsidR="000F67B6" w:rsidRPr="000F67B6" w:rsidRDefault="000F67B6" w:rsidP="000F67B6">
      <w:r>
        <w:t xml:space="preserve">Dane konfiguracji dla pliku medium 0 są takie same jak dla </w:t>
      </w:r>
      <w:proofErr w:type="spellStart"/>
      <w:r>
        <w:t>easy</w:t>
      </w:r>
      <w:proofErr w:type="spellEnd"/>
      <w:r>
        <w:t xml:space="preserve"> 4, ponieważ nie zmieniła się ilość miast, a jedynie ilość i pojemność plecaka.</w:t>
      </w:r>
    </w:p>
    <w:tbl>
      <w:tblPr>
        <w:tblStyle w:val="Tabela-Siatka"/>
        <w:tblpPr w:leftFromText="141" w:rightFromText="141" w:vertAnchor="text" w:horzAnchor="margin" w:tblpXSpec="center" w:tblpY="488"/>
        <w:tblW w:w="10348" w:type="dxa"/>
        <w:tblLook w:val="04A0" w:firstRow="1" w:lastRow="0" w:firstColumn="1" w:lastColumn="0" w:noHBand="0" w:noVBand="1"/>
      </w:tblPr>
      <w:tblGrid>
        <w:gridCol w:w="1701"/>
        <w:gridCol w:w="1418"/>
        <w:gridCol w:w="425"/>
        <w:gridCol w:w="1701"/>
        <w:gridCol w:w="1417"/>
        <w:gridCol w:w="426"/>
        <w:gridCol w:w="1984"/>
        <w:gridCol w:w="1276"/>
      </w:tblGrid>
      <w:tr w:rsidR="00DA4DD7" w14:paraId="0DAFEE46" w14:textId="77777777" w:rsidTr="00077D86">
        <w:trPr>
          <w:trHeight w:val="336"/>
        </w:trPr>
        <w:tc>
          <w:tcPr>
            <w:tcW w:w="1701" w:type="dxa"/>
            <w:shd w:val="clear" w:color="auto" w:fill="B4C6E7" w:themeFill="accent1" w:themeFillTint="66"/>
          </w:tcPr>
          <w:p w14:paraId="146A6F79" w14:textId="623B53DE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418" w:type="dxa"/>
            <w:shd w:val="clear" w:color="auto" w:fill="B4C6E7" w:themeFill="accent1" w:themeFillTint="66"/>
          </w:tcPr>
          <w:p w14:paraId="524336AB" w14:textId="2ED90AF1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EA</w:t>
            </w:r>
          </w:p>
        </w:tc>
        <w:tc>
          <w:tcPr>
            <w:tcW w:w="425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7795236C" w14:textId="77777777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701" w:type="dxa"/>
            <w:shd w:val="clear" w:color="auto" w:fill="B4C6E7" w:themeFill="accent1" w:themeFillTint="66"/>
          </w:tcPr>
          <w:p w14:paraId="2F7CD641" w14:textId="3BDE9D0D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 xml:space="preserve">Dane </w:t>
            </w:r>
          </w:p>
        </w:tc>
        <w:tc>
          <w:tcPr>
            <w:tcW w:w="1417" w:type="dxa"/>
            <w:shd w:val="clear" w:color="auto" w:fill="B4C6E7" w:themeFill="accent1" w:themeFillTint="66"/>
          </w:tcPr>
          <w:p w14:paraId="6334445E" w14:textId="20C1C3E2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TS</w:t>
            </w:r>
          </w:p>
        </w:tc>
        <w:tc>
          <w:tcPr>
            <w:tcW w:w="426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672FB24C" w14:textId="77777777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984" w:type="dxa"/>
            <w:shd w:val="clear" w:color="auto" w:fill="B4C6E7" w:themeFill="accent1" w:themeFillTint="66"/>
          </w:tcPr>
          <w:p w14:paraId="2BD7F9E2" w14:textId="29086C48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276" w:type="dxa"/>
            <w:shd w:val="clear" w:color="auto" w:fill="B4C6E7" w:themeFill="accent1" w:themeFillTint="66"/>
          </w:tcPr>
          <w:p w14:paraId="179A18A3" w14:textId="750CB112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A</w:t>
            </w:r>
          </w:p>
        </w:tc>
      </w:tr>
      <w:tr w:rsidR="00DA4DD7" w14:paraId="5A454405" w14:textId="77777777" w:rsidTr="00077D86">
        <w:tc>
          <w:tcPr>
            <w:tcW w:w="1701" w:type="dxa"/>
          </w:tcPr>
          <w:p w14:paraId="3154AABA" w14:textId="15385873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8" w:type="dxa"/>
          </w:tcPr>
          <w:p w14:paraId="18267D5C" w14:textId="2DA5FF02" w:rsidR="00DA4DD7" w:rsidRDefault="00DA4DD7" w:rsidP="00DA4DD7">
            <w:r>
              <w:t>5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17A3F975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701" w:type="dxa"/>
          </w:tcPr>
          <w:p w14:paraId="08A5B87A" w14:textId="07F4B38D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7" w:type="dxa"/>
          </w:tcPr>
          <w:p w14:paraId="58A2D1EC" w14:textId="5198D494" w:rsidR="00DA4DD7" w:rsidRDefault="00DA4DD7" w:rsidP="00DA4DD7">
            <w:pPr>
              <w:spacing w:line="259" w:lineRule="auto"/>
            </w:pPr>
            <w:r>
              <w:t>1 0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795C2E03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984" w:type="dxa"/>
          </w:tcPr>
          <w:p w14:paraId="605E1CC7" w14:textId="3E77E7CE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276" w:type="dxa"/>
          </w:tcPr>
          <w:p w14:paraId="1582E985" w14:textId="19049AFC" w:rsidR="00DA4DD7" w:rsidRDefault="00DA4DD7" w:rsidP="00DA4DD7">
            <w:pPr>
              <w:spacing w:line="259" w:lineRule="auto"/>
            </w:pPr>
            <w:r>
              <w:t>3 000</w:t>
            </w:r>
          </w:p>
        </w:tc>
      </w:tr>
      <w:tr w:rsidR="00DA4DD7" w14:paraId="0EA0FC88" w14:textId="77777777" w:rsidTr="00077D86">
        <w:tc>
          <w:tcPr>
            <w:tcW w:w="1701" w:type="dxa"/>
          </w:tcPr>
          <w:p w14:paraId="2E4F5034" w14:textId="6E7ACD63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Populacja</w:t>
            </w:r>
          </w:p>
        </w:tc>
        <w:tc>
          <w:tcPr>
            <w:tcW w:w="1418" w:type="dxa"/>
          </w:tcPr>
          <w:p w14:paraId="33C4B34F" w14:textId="78263E74" w:rsidR="00DA4DD7" w:rsidRDefault="00DA4DD7" w:rsidP="00DA4DD7">
            <w:r>
              <w:t>3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1C1F9E11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701" w:type="dxa"/>
          </w:tcPr>
          <w:p w14:paraId="03FFA6C8" w14:textId="4D1A3718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417" w:type="dxa"/>
          </w:tcPr>
          <w:p w14:paraId="01ADE767" w14:textId="01C0622C" w:rsidR="00DA4DD7" w:rsidRDefault="00DA4DD7" w:rsidP="00DA4DD7">
            <w:pPr>
              <w:spacing w:line="259" w:lineRule="auto"/>
            </w:pPr>
            <w:r>
              <w:t>5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07931C5C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984" w:type="dxa"/>
          </w:tcPr>
          <w:p w14:paraId="31B3A2E8" w14:textId="55AF45C6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276" w:type="dxa"/>
          </w:tcPr>
          <w:p w14:paraId="537D7291" w14:textId="40148F93" w:rsidR="00DA4DD7" w:rsidRDefault="00DA4DD7" w:rsidP="00DA4DD7">
            <w:pPr>
              <w:spacing w:line="259" w:lineRule="auto"/>
            </w:pPr>
            <w:r>
              <w:t>25</w:t>
            </w:r>
          </w:p>
        </w:tc>
      </w:tr>
      <w:tr w:rsidR="00A62D85" w14:paraId="3D139ACD" w14:textId="77777777" w:rsidTr="00077D86">
        <w:tc>
          <w:tcPr>
            <w:tcW w:w="1701" w:type="dxa"/>
          </w:tcPr>
          <w:p w14:paraId="5104B317" w14:textId="54E1A90C" w:rsidR="00A62D85" w:rsidRPr="009800FE" w:rsidRDefault="00A62D85" w:rsidP="00A62D85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Selekcja</w:t>
            </w:r>
          </w:p>
        </w:tc>
        <w:tc>
          <w:tcPr>
            <w:tcW w:w="1418" w:type="dxa"/>
          </w:tcPr>
          <w:p w14:paraId="3C575059" w14:textId="470CB80D" w:rsidR="00A62D85" w:rsidRDefault="00A62D85" w:rsidP="00A62D85">
            <w:r>
              <w:t>Turniej, 5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7CB23BBF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701" w:type="dxa"/>
          </w:tcPr>
          <w:p w14:paraId="5CAB1149" w14:textId="543312EF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Rozmiar Tabu</w:t>
            </w:r>
          </w:p>
        </w:tc>
        <w:tc>
          <w:tcPr>
            <w:tcW w:w="1417" w:type="dxa"/>
          </w:tcPr>
          <w:p w14:paraId="29C303F3" w14:textId="466A3530" w:rsidR="00A62D85" w:rsidRDefault="00A62D85" w:rsidP="00A62D85">
            <w:pPr>
              <w:spacing w:line="259" w:lineRule="auto"/>
            </w:pPr>
            <w:r>
              <w:t>2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397B405E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984" w:type="dxa"/>
          </w:tcPr>
          <w:p w14:paraId="48612DBD" w14:textId="28DC4D96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początkowa</w:t>
            </w:r>
          </w:p>
        </w:tc>
        <w:tc>
          <w:tcPr>
            <w:tcW w:w="1276" w:type="dxa"/>
          </w:tcPr>
          <w:p w14:paraId="53249276" w14:textId="26994457" w:rsidR="00A62D85" w:rsidRDefault="00A62D85" w:rsidP="00A62D85">
            <w:pPr>
              <w:spacing w:line="259" w:lineRule="auto"/>
            </w:pPr>
            <w:r>
              <w:t>1 000</w:t>
            </w:r>
          </w:p>
        </w:tc>
      </w:tr>
      <w:tr w:rsidR="009C5D20" w14:paraId="51501C4A" w14:textId="77777777" w:rsidTr="00077D86">
        <w:tc>
          <w:tcPr>
            <w:tcW w:w="1701" w:type="dxa"/>
          </w:tcPr>
          <w:p w14:paraId="34266D76" w14:textId="77777777" w:rsidR="009C5D20" w:rsidRPr="009800FE" w:rsidRDefault="009C5D20" w:rsidP="009C5D20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Krzyżowanie</w:t>
            </w:r>
          </w:p>
        </w:tc>
        <w:tc>
          <w:tcPr>
            <w:tcW w:w="1418" w:type="dxa"/>
          </w:tcPr>
          <w:p w14:paraId="41420A2E" w14:textId="5083B59C" w:rsidR="009C5D20" w:rsidRDefault="009C5D20" w:rsidP="009C5D20">
            <w:r>
              <w:t>OX, 70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1D8D5709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701" w:type="dxa"/>
            <w:tcBorders>
              <w:bottom w:val="single" w:sz="4" w:space="0" w:color="auto"/>
            </w:tcBorders>
          </w:tcPr>
          <w:p w14:paraId="5250C351" w14:textId="77777777" w:rsidR="009C5D20" w:rsidRPr="009800FE" w:rsidRDefault="009C5D20" w:rsidP="009C5D20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7" w:type="dxa"/>
            <w:tcBorders>
              <w:bottom w:val="single" w:sz="4" w:space="0" w:color="auto"/>
            </w:tcBorders>
          </w:tcPr>
          <w:p w14:paraId="7F61EC77" w14:textId="77777777" w:rsidR="009C5D20" w:rsidRDefault="009C5D20" w:rsidP="009C5D20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6AB97C9A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984" w:type="dxa"/>
          </w:tcPr>
          <w:p w14:paraId="68EE0505" w14:textId="77777777" w:rsidR="009C5D20" w:rsidRPr="009800FE" w:rsidRDefault="009C5D20" w:rsidP="009C5D20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końcowa</w:t>
            </w:r>
            <w:r w:rsidRPr="009800FE">
              <w:rPr>
                <w:b/>
                <w:bCs/>
              </w:rPr>
              <w:t xml:space="preserve"> </w:t>
            </w:r>
          </w:p>
        </w:tc>
        <w:tc>
          <w:tcPr>
            <w:tcW w:w="1276" w:type="dxa"/>
          </w:tcPr>
          <w:p w14:paraId="0E43924C" w14:textId="3389D919" w:rsidR="009C5D20" w:rsidRDefault="00DA4DD7" w:rsidP="009C5D20">
            <w:pPr>
              <w:spacing w:line="259" w:lineRule="auto"/>
            </w:pPr>
            <w:r>
              <w:t>5</w:t>
            </w:r>
          </w:p>
        </w:tc>
      </w:tr>
      <w:tr w:rsidR="009C5D20" w14:paraId="768B30CB" w14:textId="77777777" w:rsidTr="00077D86">
        <w:tc>
          <w:tcPr>
            <w:tcW w:w="1701" w:type="dxa"/>
            <w:tcBorders>
              <w:bottom w:val="single" w:sz="4" w:space="0" w:color="auto"/>
            </w:tcBorders>
          </w:tcPr>
          <w:p w14:paraId="095A22F2" w14:textId="77777777" w:rsidR="009C5D20" w:rsidRPr="009800FE" w:rsidRDefault="009C5D20" w:rsidP="009C5D20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8" w:type="dxa"/>
            <w:tcBorders>
              <w:bottom w:val="single" w:sz="4" w:space="0" w:color="auto"/>
            </w:tcBorders>
          </w:tcPr>
          <w:p w14:paraId="61FB4C25" w14:textId="58F22B1C" w:rsidR="009C5D20" w:rsidRDefault="009C5D20" w:rsidP="009C5D20">
            <w:proofErr w:type="spellStart"/>
            <w:r>
              <w:t>Inverse</w:t>
            </w:r>
            <w:proofErr w:type="spellEnd"/>
            <w:r>
              <w:t>, 15%</w:t>
            </w:r>
          </w:p>
        </w:tc>
        <w:tc>
          <w:tcPr>
            <w:tcW w:w="425" w:type="dxa"/>
            <w:tcBorders>
              <w:top w:val="nil"/>
              <w:bottom w:val="nil"/>
              <w:right w:val="nil"/>
            </w:tcBorders>
          </w:tcPr>
          <w:p w14:paraId="00A5040F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5599540B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417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763A045C" w14:textId="77777777" w:rsidR="009C5D20" w:rsidRDefault="009C5D20" w:rsidP="009C5D20">
            <w:pPr>
              <w:spacing w:line="259" w:lineRule="auto"/>
            </w:pPr>
          </w:p>
        </w:tc>
        <w:tc>
          <w:tcPr>
            <w:tcW w:w="426" w:type="dxa"/>
            <w:tcBorders>
              <w:top w:val="nil"/>
              <w:left w:val="nil"/>
              <w:bottom w:val="nil"/>
            </w:tcBorders>
          </w:tcPr>
          <w:p w14:paraId="2AC624F9" w14:textId="77777777" w:rsidR="009C5D20" w:rsidRDefault="009C5D20" w:rsidP="009C5D20">
            <w:pPr>
              <w:spacing w:line="259" w:lineRule="auto"/>
            </w:pPr>
          </w:p>
        </w:tc>
        <w:tc>
          <w:tcPr>
            <w:tcW w:w="1984" w:type="dxa"/>
            <w:tcBorders>
              <w:bottom w:val="single" w:sz="4" w:space="0" w:color="auto"/>
            </w:tcBorders>
          </w:tcPr>
          <w:p w14:paraId="0E853F80" w14:textId="77777777" w:rsidR="009C5D20" w:rsidRPr="009800FE" w:rsidRDefault="009C5D20" w:rsidP="009C5D20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276" w:type="dxa"/>
            <w:tcBorders>
              <w:bottom w:val="single" w:sz="4" w:space="0" w:color="auto"/>
            </w:tcBorders>
          </w:tcPr>
          <w:p w14:paraId="28E1B937" w14:textId="77777777" w:rsidR="009C5D20" w:rsidRDefault="009C5D20" w:rsidP="009C5D20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</w:tr>
    </w:tbl>
    <w:p w14:paraId="54DBD654" w14:textId="77777777" w:rsidR="00AD1010" w:rsidRDefault="00AD1010" w:rsidP="00AD1010">
      <w:r>
        <w:t xml:space="preserve"> Tabela konfiguracji</w:t>
      </w:r>
    </w:p>
    <w:p w14:paraId="52829FDE" w14:textId="77777777" w:rsidR="00AD1010" w:rsidRPr="00C363FA" w:rsidRDefault="00AD1010" w:rsidP="00AD1010"/>
    <w:tbl>
      <w:tblPr>
        <w:tblStyle w:val="Tabela-Siatka"/>
        <w:tblW w:w="0" w:type="auto"/>
        <w:tblLook w:val="04A0" w:firstRow="1" w:lastRow="0" w:firstColumn="1" w:lastColumn="0" w:noHBand="0" w:noVBand="1"/>
      </w:tblPr>
      <w:tblGrid>
        <w:gridCol w:w="1444"/>
        <w:gridCol w:w="1283"/>
        <w:gridCol w:w="1268"/>
        <w:gridCol w:w="1323"/>
        <w:gridCol w:w="1258"/>
        <w:gridCol w:w="1303"/>
        <w:gridCol w:w="1183"/>
      </w:tblGrid>
      <w:tr w:rsidR="00A5471C" w14:paraId="2B5FFA8B" w14:textId="2DD73F77" w:rsidTr="00A5471C">
        <w:tc>
          <w:tcPr>
            <w:tcW w:w="1444" w:type="dxa"/>
            <w:shd w:val="clear" w:color="auto" w:fill="B4C6E7" w:themeFill="accent1" w:themeFillTint="66"/>
          </w:tcPr>
          <w:p w14:paraId="783BE023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Heurystyka</w:t>
            </w:r>
          </w:p>
        </w:tc>
        <w:tc>
          <w:tcPr>
            <w:tcW w:w="1283" w:type="dxa"/>
            <w:shd w:val="clear" w:color="auto" w:fill="B4C6E7" w:themeFill="accent1" w:themeFillTint="66"/>
          </w:tcPr>
          <w:p w14:paraId="2C128C69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Best</w:t>
            </w:r>
          </w:p>
        </w:tc>
        <w:tc>
          <w:tcPr>
            <w:tcW w:w="1268" w:type="dxa"/>
            <w:shd w:val="clear" w:color="auto" w:fill="B4C6E7" w:themeFill="accent1" w:themeFillTint="66"/>
          </w:tcPr>
          <w:p w14:paraId="5EA16EFC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Avg</w:t>
            </w:r>
            <w:proofErr w:type="spellEnd"/>
          </w:p>
        </w:tc>
        <w:tc>
          <w:tcPr>
            <w:tcW w:w="1323" w:type="dxa"/>
            <w:shd w:val="clear" w:color="auto" w:fill="B4C6E7" w:themeFill="accent1" w:themeFillTint="66"/>
          </w:tcPr>
          <w:p w14:paraId="722BA764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Worst</w:t>
            </w:r>
            <w:proofErr w:type="spellEnd"/>
          </w:p>
        </w:tc>
        <w:tc>
          <w:tcPr>
            <w:tcW w:w="1258" w:type="dxa"/>
            <w:shd w:val="clear" w:color="auto" w:fill="B4C6E7" w:themeFill="accent1" w:themeFillTint="66"/>
          </w:tcPr>
          <w:p w14:paraId="0FC18C1C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Std</w:t>
            </w:r>
            <w:proofErr w:type="spellEnd"/>
          </w:p>
        </w:tc>
        <w:tc>
          <w:tcPr>
            <w:tcW w:w="1303" w:type="dxa"/>
            <w:shd w:val="clear" w:color="auto" w:fill="B4C6E7" w:themeFill="accent1" w:themeFillTint="66"/>
          </w:tcPr>
          <w:p w14:paraId="0F28CD7D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Time</w:t>
            </w:r>
          </w:p>
        </w:tc>
        <w:tc>
          <w:tcPr>
            <w:tcW w:w="1183" w:type="dxa"/>
            <w:shd w:val="clear" w:color="auto" w:fill="B4C6E7" w:themeFill="accent1" w:themeFillTint="66"/>
          </w:tcPr>
          <w:p w14:paraId="35AA8DF3" w14:textId="0C0BC279" w:rsidR="00A5471C" w:rsidRPr="00452375" w:rsidRDefault="00A5471C" w:rsidP="00077D86">
            <w:pPr>
              <w:rPr>
                <w:b/>
                <w:bCs/>
              </w:rPr>
            </w:pPr>
            <w:r>
              <w:rPr>
                <w:b/>
                <w:bCs/>
              </w:rPr>
              <w:t>Urodzenia</w:t>
            </w:r>
          </w:p>
        </w:tc>
      </w:tr>
      <w:tr w:rsidR="000F3D23" w14:paraId="501C71E1" w14:textId="2C10EAF3" w:rsidTr="00703825">
        <w:tc>
          <w:tcPr>
            <w:tcW w:w="1444" w:type="dxa"/>
          </w:tcPr>
          <w:p w14:paraId="1C1B80F0" w14:textId="77777777" w:rsidR="000F3D23" w:rsidRDefault="000F3D23" w:rsidP="000F3D23">
            <w:proofErr w:type="spellStart"/>
            <w:r>
              <w:t>Greedy</w:t>
            </w:r>
            <w:proofErr w:type="spellEnd"/>
          </w:p>
        </w:tc>
        <w:tc>
          <w:tcPr>
            <w:tcW w:w="1283" w:type="dxa"/>
            <w:vAlign w:val="bottom"/>
          </w:tcPr>
          <w:p w14:paraId="662E33E1" w14:textId="73BA9A8E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5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369,55</w:t>
            </w:r>
          </w:p>
        </w:tc>
        <w:tc>
          <w:tcPr>
            <w:tcW w:w="1268" w:type="dxa"/>
            <w:vAlign w:val="bottom"/>
          </w:tcPr>
          <w:p w14:paraId="15891D87" w14:textId="6EC4D186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49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358,16</w:t>
            </w:r>
          </w:p>
        </w:tc>
        <w:tc>
          <w:tcPr>
            <w:tcW w:w="1323" w:type="dxa"/>
            <w:vAlign w:val="bottom"/>
          </w:tcPr>
          <w:p w14:paraId="483E6EE7" w14:textId="28E967D8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44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10,97</w:t>
            </w:r>
          </w:p>
        </w:tc>
        <w:tc>
          <w:tcPr>
            <w:tcW w:w="1258" w:type="dxa"/>
            <w:vAlign w:val="bottom"/>
          </w:tcPr>
          <w:p w14:paraId="1E3169DD" w14:textId="180F6776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00,2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303" w:type="dxa"/>
          </w:tcPr>
          <w:p w14:paraId="68B703DF" w14:textId="1B6D3478" w:rsidR="000F3D23" w:rsidRDefault="000F3D23" w:rsidP="00D7746F">
            <w:pPr>
              <w:jc w:val="right"/>
            </w:pPr>
            <w:r>
              <w:t>-</w:t>
            </w:r>
          </w:p>
        </w:tc>
        <w:tc>
          <w:tcPr>
            <w:tcW w:w="1183" w:type="dxa"/>
          </w:tcPr>
          <w:p w14:paraId="201247D8" w14:textId="10F5DB48" w:rsidR="000F3D23" w:rsidRDefault="000F3D23" w:rsidP="00D7746F">
            <w:pPr>
              <w:jc w:val="right"/>
            </w:pPr>
            <w:r>
              <w:t>52</w:t>
            </w:r>
          </w:p>
        </w:tc>
      </w:tr>
      <w:tr w:rsidR="000F3D23" w14:paraId="3E3D6B0D" w14:textId="3BE53EDA" w:rsidTr="00703825">
        <w:tc>
          <w:tcPr>
            <w:tcW w:w="1444" w:type="dxa"/>
          </w:tcPr>
          <w:p w14:paraId="6E49A5D8" w14:textId="77777777" w:rsidR="000F3D23" w:rsidRDefault="000F3D23" w:rsidP="000F3D23">
            <w:proofErr w:type="spellStart"/>
            <w:r>
              <w:t>Random</w:t>
            </w:r>
            <w:proofErr w:type="spellEnd"/>
          </w:p>
        </w:tc>
        <w:tc>
          <w:tcPr>
            <w:tcW w:w="1283" w:type="dxa"/>
            <w:vAlign w:val="bottom"/>
          </w:tcPr>
          <w:p w14:paraId="1A6C38E5" w14:textId="58C830DF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27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91,62</w:t>
            </w:r>
          </w:p>
        </w:tc>
        <w:tc>
          <w:tcPr>
            <w:tcW w:w="1268" w:type="dxa"/>
            <w:vAlign w:val="bottom"/>
          </w:tcPr>
          <w:p w14:paraId="44CF728C" w14:textId="2B11296E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488,75</w:t>
            </w:r>
          </w:p>
        </w:tc>
        <w:tc>
          <w:tcPr>
            <w:tcW w:w="1323" w:type="dxa"/>
            <w:vAlign w:val="bottom"/>
          </w:tcPr>
          <w:p w14:paraId="656A3807" w14:textId="1BC8EFC2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26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96,4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258" w:type="dxa"/>
            <w:vAlign w:val="bottom"/>
          </w:tcPr>
          <w:p w14:paraId="36F45636" w14:textId="2200D3CA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480,9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303" w:type="dxa"/>
          </w:tcPr>
          <w:p w14:paraId="569C1E26" w14:textId="47829E02" w:rsidR="000F3D23" w:rsidRDefault="000F3D23" w:rsidP="00D7746F">
            <w:pPr>
              <w:jc w:val="right"/>
            </w:pPr>
            <w:r>
              <w:t>-</w:t>
            </w:r>
          </w:p>
        </w:tc>
        <w:tc>
          <w:tcPr>
            <w:tcW w:w="1183" w:type="dxa"/>
          </w:tcPr>
          <w:p w14:paraId="64A8F8AD" w14:textId="0F45771B" w:rsidR="000F3D23" w:rsidRDefault="000F3D23" w:rsidP="00D7746F">
            <w:pPr>
              <w:jc w:val="right"/>
            </w:pPr>
            <w:r>
              <w:t>10 000</w:t>
            </w:r>
          </w:p>
        </w:tc>
      </w:tr>
      <w:tr w:rsidR="000F3D23" w14:paraId="5D28F9B5" w14:textId="3A7BB919" w:rsidTr="004C1EF2">
        <w:tc>
          <w:tcPr>
            <w:tcW w:w="1444" w:type="dxa"/>
          </w:tcPr>
          <w:p w14:paraId="5540A3FE" w14:textId="77777777" w:rsidR="000F3D23" w:rsidRDefault="000F3D23" w:rsidP="000F3D23">
            <w:r>
              <w:t>EA</w:t>
            </w:r>
          </w:p>
        </w:tc>
        <w:tc>
          <w:tcPr>
            <w:tcW w:w="1283" w:type="dxa"/>
            <w:vAlign w:val="bottom"/>
          </w:tcPr>
          <w:p w14:paraId="2BE0320C" w14:textId="1307BB73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9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452,83</w:t>
            </w:r>
          </w:p>
        </w:tc>
        <w:tc>
          <w:tcPr>
            <w:tcW w:w="1268" w:type="dxa"/>
            <w:shd w:val="clear" w:color="auto" w:fill="A8D08D" w:themeFill="accent6" w:themeFillTint="99"/>
            <w:vAlign w:val="bottom"/>
          </w:tcPr>
          <w:p w14:paraId="52ECC9FB" w14:textId="06A2B547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8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294,5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323" w:type="dxa"/>
            <w:shd w:val="clear" w:color="auto" w:fill="A8D08D" w:themeFill="accent6" w:themeFillTint="99"/>
            <w:vAlign w:val="bottom"/>
          </w:tcPr>
          <w:p w14:paraId="610D70EE" w14:textId="76294D26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6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32,51</w:t>
            </w:r>
          </w:p>
        </w:tc>
        <w:tc>
          <w:tcPr>
            <w:tcW w:w="1258" w:type="dxa"/>
            <w:shd w:val="clear" w:color="auto" w:fill="A8D08D" w:themeFill="accent6" w:themeFillTint="99"/>
            <w:vAlign w:val="bottom"/>
          </w:tcPr>
          <w:p w14:paraId="5BB256FE" w14:textId="67B88042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827,24</w:t>
            </w:r>
          </w:p>
        </w:tc>
        <w:tc>
          <w:tcPr>
            <w:tcW w:w="1303" w:type="dxa"/>
          </w:tcPr>
          <w:p w14:paraId="63C023C4" w14:textId="00DBFFED" w:rsidR="000F3D23" w:rsidRDefault="000F3D23" w:rsidP="00D7746F">
            <w:pPr>
              <w:jc w:val="right"/>
            </w:pPr>
            <w:r>
              <w:t>3,52 s</w:t>
            </w:r>
          </w:p>
        </w:tc>
        <w:tc>
          <w:tcPr>
            <w:tcW w:w="1183" w:type="dxa"/>
          </w:tcPr>
          <w:p w14:paraId="3778D2A4" w14:textId="19576D6C" w:rsidR="000F3D23" w:rsidRDefault="000F3D23" w:rsidP="00D7746F">
            <w:pPr>
              <w:jc w:val="right"/>
            </w:pPr>
            <w:r>
              <w:t>~113 000</w:t>
            </w:r>
          </w:p>
        </w:tc>
      </w:tr>
      <w:tr w:rsidR="000F3D23" w14:paraId="3BC56664" w14:textId="65B55DFB" w:rsidTr="008B3F65">
        <w:tc>
          <w:tcPr>
            <w:tcW w:w="1444" w:type="dxa"/>
          </w:tcPr>
          <w:p w14:paraId="080076FD" w14:textId="77777777" w:rsidR="000F3D23" w:rsidRDefault="000F3D23" w:rsidP="000F3D23">
            <w:r>
              <w:t>TS</w:t>
            </w:r>
          </w:p>
        </w:tc>
        <w:tc>
          <w:tcPr>
            <w:tcW w:w="1283" w:type="dxa"/>
            <w:vAlign w:val="bottom"/>
          </w:tcPr>
          <w:p w14:paraId="14E18069" w14:textId="2AAED57D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8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388,93</w:t>
            </w:r>
          </w:p>
        </w:tc>
        <w:tc>
          <w:tcPr>
            <w:tcW w:w="1268" w:type="dxa"/>
            <w:vAlign w:val="bottom"/>
          </w:tcPr>
          <w:p w14:paraId="2A07EDF9" w14:textId="0E852850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6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677,78</w:t>
            </w:r>
          </w:p>
        </w:tc>
        <w:tc>
          <w:tcPr>
            <w:tcW w:w="1323" w:type="dxa"/>
            <w:vAlign w:val="bottom"/>
          </w:tcPr>
          <w:p w14:paraId="0D413B48" w14:textId="14C9AF86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4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710,3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258" w:type="dxa"/>
            <w:vAlign w:val="bottom"/>
          </w:tcPr>
          <w:p w14:paraId="1A8BFA1F" w14:textId="2C1D4011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74,84</w:t>
            </w:r>
          </w:p>
        </w:tc>
        <w:tc>
          <w:tcPr>
            <w:tcW w:w="1303" w:type="dxa"/>
            <w:shd w:val="clear" w:color="auto" w:fill="A8D08D" w:themeFill="accent6" w:themeFillTint="99"/>
          </w:tcPr>
          <w:p w14:paraId="07073D40" w14:textId="10BAB7B1" w:rsidR="000F3D23" w:rsidRDefault="000F3D23" w:rsidP="00D7746F">
            <w:pPr>
              <w:jc w:val="right"/>
            </w:pPr>
            <w:r>
              <w:t>2,24s</w:t>
            </w:r>
          </w:p>
        </w:tc>
        <w:tc>
          <w:tcPr>
            <w:tcW w:w="1183" w:type="dxa"/>
          </w:tcPr>
          <w:p w14:paraId="79E360B0" w14:textId="6AD3DD1B" w:rsidR="000F3D23" w:rsidRDefault="000F3D23" w:rsidP="00D7746F">
            <w:pPr>
              <w:jc w:val="right"/>
            </w:pPr>
            <w:r>
              <w:t>50 000</w:t>
            </w:r>
          </w:p>
        </w:tc>
      </w:tr>
      <w:tr w:rsidR="000F3D23" w14:paraId="25F2D55A" w14:textId="6C9283DD" w:rsidTr="008B3F65">
        <w:tc>
          <w:tcPr>
            <w:tcW w:w="1444" w:type="dxa"/>
          </w:tcPr>
          <w:p w14:paraId="1EF5CF44" w14:textId="77777777" w:rsidR="000F3D23" w:rsidRDefault="000F3D23" w:rsidP="000F3D23">
            <w:r>
              <w:t>SA</w:t>
            </w:r>
          </w:p>
        </w:tc>
        <w:tc>
          <w:tcPr>
            <w:tcW w:w="1283" w:type="dxa"/>
            <w:shd w:val="clear" w:color="auto" w:fill="A8D08D" w:themeFill="accent6" w:themeFillTint="99"/>
            <w:vAlign w:val="bottom"/>
          </w:tcPr>
          <w:p w14:paraId="571D1B60" w14:textId="1040E46B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0</w:t>
            </w:r>
            <w:r w:rsidR="006C4E1A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97,84</w:t>
            </w:r>
          </w:p>
        </w:tc>
        <w:tc>
          <w:tcPr>
            <w:tcW w:w="1268" w:type="dxa"/>
            <w:vAlign w:val="bottom"/>
          </w:tcPr>
          <w:p w14:paraId="12B00A25" w14:textId="25682F40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8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258,18</w:t>
            </w:r>
          </w:p>
        </w:tc>
        <w:tc>
          <w:tcPr>
            <w:tcW w:w="1323" w:type="dxa"/>
            <w:vAlign w:val="bottom"/>
          </w:tcPr>
          <w:p w14:paraId="0681DFDF" w14:textId="185F5191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5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352,2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258" w:type="dxa"/>
            <w:vAlign w:val="bottom"/>
          </w:tcPr>
          <w:p w14:paraId="3F762ADB" w14:textId="2D3F1ED7" w:rsidR="000F3D23" w:rsidRDefault="000F3D23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319,03</w:t>
            </w:r>
          </w:p>
        </w:tc>
        <w:tc>
          <w:tcPr>
            <w:tcW w:w="1303" w:type="dxa"/>
            <w:shd w:val="clear" w:color="auto" w:fill="FFFFFF" w:themeFill="background1"/>
          </w:tcPr>
          <w:p w14:paraId="3356D9EB" w14:textId="4F601D8D" w:rsidR="000F3D23" w:rsidRDefault="000F3D23" w:rsidP="00D7746F">
            <w:pPr>
              <w:jc w:val="right"/>
            </w:pPr>
            <w:r>
              <w:t>2,32 s</w:t>
            </w:r>
          </w:p>
        </w:tc>
        <w:tc>
          <w:tcPr>
            <w:tcW w:w="1183" w:type="dxa"/>
          </w:tcPr>
          <w:p w14:paraId="4BD99E43" w14:textId="0513723E" w:rsidR="000F3D23" w:rsidRDefault="000F3D23" w:rsidP="00D7746F">
            <w:pPr>
              <w:jc w:val="right"/>
            </w:pPr>
            <w:r>
              <w:t>75 000</w:t>
            </w:r>
          </w:p>
        </w:tc>
      </w:tr>
    </w:tbl>
    <w:p w14:paraId="6FEFB462" w14:textId="19057EB1" w:rsidR="00AD1010" w:rsidRDefault="00AD1010" w:rsidP="00AD1010"/>
    <w:p w14:paraId="05F1FB6D" w14:textId="7041A957" w:rsidR="000F67B6" w:rsidRPr="0003703F" w:rsidRDefault="00E61FAB" w:rsidP="00AD1010">
      <w:r>
        <w:t xml:space="preserve">Wszystkie heurystyki osiągnęły lepsze wyniki niż </w:t>
      </w:r>
      <w:proofErr w:type="spellStart"/>
      <w:r w:rsidR="00F018AD">
        <w:t>Greedy</w:t>
      </w:r>
      <w:proofErr w:type="spellEnd"/>
      <w:r w:rsidR="00F018AD">
        <w:t xml:space="preserve">, zarówno najlepsze, jak i średnie i najgorsze. </w:t>
      </w:r>
      <w:r w:rsidR="00226A3E">
        <w:t>Nie było dużych różnic w ich działaniu</w:t>
      </w:r>
      <w:r w:rsidR="00FC2F7A">
        <w:t>, zwłaszcza,</w:t>
      </w:r>
      <w:r w:rsidR="008A23CF">
        <w:t xml:space="preserve"> gdy spojrzymy na kolumnę </w:t>
      </w:r>
      <w:proofErr w:type="spellStart"/>
      <w:r w:rsidR="008A23CF">
        <w:t>Avg</w:t>
      </w:r>
      <w:proofErr w:type="spellEnd"/>
      <w:r w:rsidR="00226A3E">
        <w:t xml:space="preserve">, chociaż EA </w:t>
      </w:r>
      <w:r w:rsidR="00FC2F7A">
        <w:t xml:space="preserve">ma </w:t>
      </w:r>
      <w:r w:rsidR="00FC2F7A">
        <w:lastRenderedPageBreak/>
        <w:t>najniższe odchylenie</w:t>
      </w:r>
      <w:r w:rsidR="008A23CF">
        <w:t>. Czasowo też to wygląda podobnie</w:t>
      </w:r>
      <w:r w:rsidR="001304E3">
        <w:t xml:space="preserve">, choć </w:t>
      </w:r>
      <w:r w:rsidR="0062171F">
        <w:t>EA jest znacznie bardziej kosztowny procentowo.</w:t>
      </w:r>
    </w:p>
    <w:p w14:paraId="4B55DE2F" w14:textId="268E708E" w:rsidR="00AD1010" w:rsidRDefault="009F47F5" w:rsidP="0003703F">
      <w:r>
        <w:rPr>
          <w:noProof/>
        </w:rPr>
        <mc:AlternateContent>
          <mc:Choice Requires="cx1">
            <w:drawing>
              <wp:inline distT="0" distB="0" distL="0" distR="0" wp14:anchorId="4180B780" wp14:editId="070B9811">
                <wp:extent cx="5760720" cy="3808095"/>
                <wp:effectExtent l="0" t="0" r="11430" b="1905"/>
                <wp:docPr id="6" name="Wykres 6">
                  <a:extLst xmlns:a="http://schemas.openxmlformats.org/drawingml/2006/main">
                    <a:ext uri="{FF2B5EF4-FFF2-40B4-BE49-F238E27FC236}">
                      <a16:creationId xmlns:a16="http://schemas.microsoft.com/office/drawing/2014/main" id="{F70A59D8-9D3F-924E-17CA-A37CF96EF672}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drawing/2014/chartex">
                    <cx:chart xmlns:cx="http://schemas.microsoft.com/office/drawing/2014/chartex" xmlns:r="http://schemas.openxmlformats.org/officeDocument/2006/relationships" r:id="rId7"/>
                  </a:graphicData>
                </a:graphic>
              </wp:inline>
            </w:drawing>
          </mc:Choice>
          <mc:Fallback>
            <w:drawing>
              <wp:inline distT="0" distB="0" distL="0" distR="0" wp14:anchorId="4180B780" wp14:editId="070B9811">
                <wp:extent cx="5760720" cy="3808095"/>
                <wp:effectExtent l="0" t="0" r="11430" b="1905"/>
                <wp:docPr id="6" name="Wykres 6">
                  <a:extLst xmlns:a="http://schemas.openxmlformats.org/drawingml/2006/main">
                    <a:ext uri="{FF2B5EF4-FFF2-40B4-BE49-F238E27FC236}">
                      <a16:creationId xmlns:a16="http://schemas.microsoft.com/office/drawing/2014/main" id="{F70A59D8-9D3F-924E-17CA-A37CF96EF672}"/>
                    </a:ext>
                  </a:extLst>
                </wp:docPr>
                <wp:cNvGraphicFramePr>
                  <a:graphicFrameLocks xmlns:a="http://schemas.openxmlformats.org/drawingml/2006/main" noGrp="1" noDrilldown="1" noSelect="1" noChangeAspect="1" noMove="1" noResize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Wykres 6">
                          <a:extLst>
                            <a:ext uri="{FF2B5EF4-FFF2-40B4-BE49-F238E27FC236}">
                              <a16:creationId xmlns:a16="http://schemas.microsoft.com/office/drawing/2014/main" id="{F70A59D8-9D3F-924E-17CA-A37CF96EF672}"/>
                            </a:ext>
                          </a:extLst>
                        </pic:cNvPr>
                        <pic:cNvPicPr>
                          <a:picLocks noGrp="1" noRot="1" noChangeAspect="1" noMove="1" noResize="1" noEditPoints="1" noAdjustHandles="1" noChangeArrowheads="1" noChangeShapeType="1"/>
                        </pic:cNvPicPr>
                      </pic:nvPicPr>
                      <pic:blipFill>
                        <a:blip r:embed="rId8"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5760720" cy="3808095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mc:Fallback>
        </mc:AlternateContent>
      </w:r>
    </w:p>
    <w:p w14:paraId="5DA4E62C" w14:textId="7475CCF3" w:rsidR="00A36D1D" w:rsidRDefault="00A36D1D" w:rsidP="00A36D1D">
      <w:pPr>
        <w:pStyle w:val="Nagwek2"/>
      </w:pPr>
      <w:r>
        <w:t>Dane wejściowe Medium 2</w:t>
      </w:r>
    </w:p>
    <w:p w14:paraId="66447A1D" w14:textId="7AB466FD" w:rsidR="000F67B6" w:rsidRPr="000F67B6" w:rsidRDefault="000F67B6" w:rsidP="000F67B6">
      <w:r>
        <w:t xml:space="preserve">Dane konfiguracji dla pliku medium 2 są takie same jak dla </w:t>
      </w:r>
      <w:proofErr w:type="spellStart"/>
      <w:r>
        <w:t>easy</w:t>
      </w:r>
      <w:proofErr w:type="spellEnd"/>
      <w:r>
        <w:t xml:space="preserve"> 4, ponieważ nie zmieniła się ilość miast, a jedynie ilość i pojemność plecaka.</w:t>
      </w:r>
    </w:p>
    <w:tbl>
      <w:tblPr>
        <w:tblStyle w:val="Tabela-Siatka"/>
        <w:tblpPr w:leftFromText="141" w:rightFromText="141" w:vertAnchor="text" w:horzAnchor="margin" w:tblpXSpec="center" w:tblpY="488"/>
        <w:tblW w:w="10348" w:type="dxa"/>
        <w:tblLook w:val="04A0" w:firstRow="1" w:lastRow="0" w:firstColumn="1" w:lastColumn="0" w:noHBand="0" w:noVBand="1"/>
      </w:tblPr>
      <w:tblGrid>
        <w:gridCol w:w="1701"/>
        <w:gridCol w:w="1418"/>
        <w:gridCol w:w="425"/>
        <w:gridCol w:w="1701"/>
        <w:gridCol w:w="1417"/>
        <w:gridCol w:w="426"/>
        <w:gridCol w:w="1984"/>
        <w:gridCol w:w="1276"/>
      </w:tblGrid>
      <w:tr w:rsidR="00DA4DD7" w14:paraId="4EFE90DF" w14:textId="77777777" w:rsidTr="00077D86">
        <w:trPr>
          <w:trHeight w:val="336"/>
        </w:trPr>
        <w:tc>
          <w:tcPr>
            <w:tcW w:w="1701" w:type="dxa"/>
            <w:shd w:val="clear" w:color="auto" w:fill="B4C6E7" w:themeFill="accent1" w:themeFillTint="66"/>
          </w:tcPr>
          <w:p w14:paraId="1A1F1D33" w14:textId="6DC14B97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418" w:type="dxa"/>
            <w:shd w:val="clear" w:color="auto" w:fill="B4C6E7" w:themeFill="accent1" w:themeFillTint="66"/>
          </w:tcPr>
          <w:p w14:paraId="36AFE0A1" w14:textId="177F4BD2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EA</w:t>
            </w:r>
          </w:p>
        </w:tc>
        <w:tc>
          <w:tcPr>
            <w:tcW w:w="425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144955AF" w14:textId="77777777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701" w:type="dxa"/>
            <w:shd w:val="clear" w:color="auto" w:fill="B4C6E7" w:themeFill="accent1" w:themeFillTint="66"/>
          </w:tcPr>
          <w:p w14:paraId="5C68E234" w14:textId="6E442C34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 xml:space="preserve">Dane </w:t>
            </w:r>
          </w:p>
        </w:tc>
        <w:tc>
          <w:tcPr>
            <w:tcW w:w="1417" w:type="dxa"/>
            <w:shd w:val="clear" w:color="auto" w:fill="B4C6E7" w:themeFill="accent1" w:themeFillTint="66"/>
          </w:tcPr>
          <w:p w14:paraId="3EBAD79B" w14:textId="43021E0E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TS</w:t>
            </w:r>
          </w:p>
        </w:tc>
        <w:tc>
          <w:tcPr>
            <w:tcW w:w="426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20EE32AC" w14:textId="77777777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984" w:type="dxa"/>
            <w:shd w:val="clear" w:color="auto" w:fill="B4C6E7" w:themeFill="accent1" w:themeFillTint="66"/>
          </w:tcPr>
          <w:p w14:paraId="6D1AB065" w14:textId="376AE17C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276" w:type="dxa"/>
            <w:shd w:val="clear" w:color="auto" w:fill="B4C6E7" w:themeFill="accent1" w:themeFillTint="66"/>
          </w:tcPr>
          <w:p w14:paraId="33EE1092" w14:textId="68B6637D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A</w:t>
            </w:r>
          </w:p>
        </w:tc>
      </w:tr>
      <w:tr w:rsidR="00DA4DD7" w14:paraId="579142FA" w14:textId="77777777" w:rsidTr="00077D86">
        <w:tc>
          <w:tcPr>
            <w:tcW w:w="1701" w:type="dxa"/>
          </w:tcPr>
          <w:p w14:paraId="1708A111" w14:textId="6636A886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8" w:type="dxa"/>
          </w:tcPr>
          <w:p w14:paraId="4117CBCA" w14:textId="59EC1610" w:rsidR="00DA4DD7" w:rsidRDefault="00DA4DD7" w:rsidP="00DA4DD7">
            <w:r>
              <w:t>5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48F1CA37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701" w:type="dxa"/>
          </w:tcPr>
          <w:p w14:paraId="7EE784E8" w14:textId="05207046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7" w:type="dxa"/>
          </w:tcPr>
          <w:p w14:paraId="12E2ABD3" w14:textId="487FD990" w:rsidR="00DA4DD7" w:rsidRDefault="00DA4DD7" w:rsidP="00DA4DD7">
            <w:pPr>
              <w:spacing w:line="259" w:lineRule="auto"/>
            </w:pPr>
            <w:r>
              <w:t>1 0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1CE674BA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984" w:type="dxa"/>
          </w:tcPr>
          <w:p w14:paraId="5018CA74" w14:textId="496AE1BF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276" w:type="dxa"/>
          </w:tcPr>
          <w:p w14:paraId="621B9789" w14:textId="24632C56" w:rsidR="00DA4DD7" w:rsidRDefault="00DA4DD7" w:rsidP="00DA4DD7">
            <w:pPr>
              <w:spacing w:line="259" w:lineRule="auto"/>
            </w:pPr>
            <w:r>
              <w:t>3 000</w:t>
            </w:r>
          </w:p>
        </w:tc>
      </w:tr>
      <w:tr w:rsidR="00DA4DD7" w14:paraId="55E0D170" w14:textId="77777777" w:rsidTr="00077D86">
        <w:tc>
          <w:tcPr>
            <w:tcW w:w="1701" w:type="dxa"/>
          </w:tcPr>
          <w:p w14:paraId="7AC35359" w14:textId="61BA58D8" w:rsidR="00DA4DD7" w:rsidRPr="009800FE" w:rsidRDefault="00DA4DD7" w:rsidP="00DA4DD7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Populacja</w:t>
            </w:r>
          </w:p>
        </w:tc>
        <w:tc>
          <w:tcPr>
            <w:tcW w:w="1418" w:type="dxa"/>
          </w:tcPr>
          <w:p w14:paraId="32617811" w14:textId="44EF3FF8" w:rsidR="00DA4DD7" w:rsidRDefault="00DA4DD7" w:rsidP="00DA4DD7">
            <w:r>
              <w:t>3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6047EC08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701" w:type="dxa"/>
          </w:tcPr>
          <w:p w14:paraId="4236D02A" w14:textId="29B9410D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417" w:type="dxa"/>
          </w:tcPr>
          <w:p w14:paraId="4BDCAC41" w14:textId="43015F85" w:rsidR="00DA4DD7" w:rsidRDefault="00DA4DD7" w:rsidP="00DA4DD7">
            <w:pPr>
              <w:spacing w:line="259" w:lineRule="auto"/>
            </w:pPr>
            <w:r>
              <w:t>5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6BC92103" w14:textId="77777777" w:rsidR="00DA4DD7" w:rsidRDefault="00DA4DD7" w:rsidP="00DA4DD7">
            <w:pPr>
              <w:spacing w:line="259" w:lineRule="auto"/>
            </w:pPr>
          </w:p>
        </w:tc>
        <w:tc>
          <w:tcPr>
            <w:tcW w:w="1984" w:type="dxa"/>
          </w:tcPr>
          <w:p w14:paraId="1E046368" w14:textId="56745196" w:rsidR="00DA4DD7" w:rsidRPr="009800FE" w:rsidRDefault="00DA4DD7" w:rsidP="00DA4DD7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276" w:type="dxa"/>
          </w:tcPr>
          <w:p w14:paraId="2966553D" w14:textId="476AD03E" w:rsidR="00DA4DD7" w:rsidRDefault="00DA4DD7" w:rsidP="00DA4DD7">
            <w:pPr>
              <w:spacing w:line="259" w:lineRule="auto"/>
            </w:pPr>
            <w:r>
              <w:t>25</w:t>
            </w:r>
          </w:p>
        </w:tc>
      </w:tr>
      <w:tr w:rsidR="00A62D85" w14:paraId="1BEBA5A1" w14:textId="77777777" w:rsidTr="00077D86">
        <w:tc>
          <w:tcPr>
            <w:tcW w:w="1701" w:type="dxa"/>
          </w:tcPr>
          <w:p w14:paraId="2CCF8C15" w14:textId="598969DA" w:rsidR="00A62D85" w:rsidRPr="009800FE" w:rsidRDefault="00A62D85" w:rsidP="00A62D85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Selekcja</w:t>
            </w:r>
          </w:p>
        </w:tc>
        <w:tc>
          <w:tcPr>
            <w:tcW w:w="1418" w:type="dxa"/>
          </w:tcPr>
          <w:p w14:paraId="313DC5AA" w14:textId="5666D3E1" w:rsidR="00A62D85" w:rsidRDefault="00A62D85" w:rsidP="00A62D85">
            <w:r>
              <w:t>Turniej, 5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29D4E1E7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701" w:type="dxa"/>
          </w:tcPr>
          <w:p w14:paraId="66EB17E8" w14:textId="3C9F5849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Rozmiar Tabu</w:t>
            </w:r>
          </w:p>
        </w:tc>
        <w:tc>
          <w:tcPr>
            <w:tcW w:w="1417" w:type="dxa"/>
          </w:tcPr>
          <w:p w14:paraId="640119F0" w14:textId="480AB013" w:rsidR="00A62D85" w:rsidRDefault="00A62D85" w:rsidP="00A62D85">
            <w:pPr>
              <w:spacing w:line="259" w:lineRule="auto"/>
            </w:pPr>
            <w:r>
              <w:t>2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194CF34B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984" w:type="dxa"/>
          </w:tcPr>
          <w:p w14:paraId="381E3553" w14:textId="0B4C25CA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początkowa</w:t>
            </w:r>
          </w:p>
        </w:tc>
        <w:tc>
          <w:tcPr>
            <w:tcW w:w="1276" w:type="dxa"/>
          </w:tcPr>
          <w:p w14:paraId="79F08A04" w14:textId="035275ED" w:rsidR="00A62D85" w:rsidRDefault="00A62D85" w:rsidP="00A62D85">
            <w:pPr>
              <w:spacing w:line="259" w:lineRule="auto"/>
            </w:pPr>
            <w:r>
              <w:t>1 000</w:t>
            </w:r>
          </w:p>
        </w:tc>
      </w:tr>
      <w:tr w:rsidR="00A62D85" w14:paraId="30330AA4" w14:textId="77777777" w:rsidTr="00077D86">
        <w:tc>
          <w:tcPr>
            <w:tcW w:w="1701" w:type="dxa"/>
          </w:tcPr>
          <w:p w14:paraId="3A3DD3CD" w14:textId="77777777" w:rsidR="00A62D85" w:rsidRPr="009800FE" w:rsidRDefault="00A62D85" w:rsidP="00A62D85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Krzyżowanie</w:t>
            </w:r>
          </w:p>
        </w:tc>
        <w:tc>
          <w:tcPr>
            <w:tcW w:w="1418" w:type="dxa"/>
          </w:tcPr>
          <w:p w14:paraId="70F32FCB" w14:textId="56C06DBC" w:rsidR="00A62D85" w:rsidRDefault="00A62D85" w:rsidP="00A62D85">
            <w:r>
              <w:t>OX, 70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3C7D7429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701" w:type="dxa"/>
            <w:tcBorders>
              <w:bottom w:val="single" w:sz="4" w:space="0" w:color="auto"/>
            </w:tcBorders>
          </w:tcPr>
          <w:p w14:paraId="33DE14A6" w14:textId="77777777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7" w:type="dxa"/>
            <w:tcBorders>
              <w:bottom w:val="single" w:sz="4" w:space="0" w:color="auto"/>
            </w:tcBorders>
          </w:tcPr>
          <w:p w14:paraId="69CAF048" w14:textId="77777777" w:rsidR="00A62D85" w:rsidRDefault="00A62D85" w:rsidP="00A62D85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2970DB0A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984" w:type="dxa"/>
          </w:tcPr>
          <w:p w14:paraId="698FE326" w14:textId="77777777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końcowa</w:t>
            </w:r>
            <w:r w:rsidRPr="009800FE">
              <w:rPr>
                <w:b/>
                <w:bCs/>
              </w:rPr>
              <w:t xml:space="preserve"> </w:t>
            </w:r>
          </w:p>
        </w:tc>
        <w:tc>
          <w:tcPr>
            <w:tcW w:w="1276" w:type="dxa"/>
          </w:tcPr>
          <w:p w14:paraId="500A24CF" w14:textId="18B939FA" w:rsidR="00A62D85" w:rsidRDefault="00A62D85" w:rsidP="00A62D85">
            <w:pPr>
              <w:spacing w:line="259" w:lineRule="auto"/>
            </w:pPr>
            <w:r>
              <w:t>5</w:t>
            </w:r>
          </w:p>
        </w:tc>
      </w:tr>
      <w:tr w:rsidR="00A62D85" w14:paraId="067EF82C" w14:textId="77777777" w:rsidTr="00077D86">
        <w:tc>
          <w:tcPr>
            <w:tcW w:w="1701" w:type="dxa"/>
            <w:tcBorders>
              <w:bottom w:val="single" w:sz="4" w:space="0" w:color="auto"/>
            </w:tcBorders>
          </w:tcPr>
          <w:p w14:paraId="312C0F91" w14:textId="77777777" w:rsidR="00A62D85" w:rsidRPr="009800FE" w:rsidRDefault="00A62D85" w:rsidP="00A62D85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8" w:type="dxa"/>
            <w:tcBorders>
              <w:bottom w:val="single" w:sz="4" w:space="0" w:color="auto"/>
            </w:tcBorders>
          </w:tcPr>
          <w:p w14:paraId="025E0D4A" w14:textId="11CD637C" w:rsidR="00A62D85" w:rsidRDefault="00A62D85" w:rsidP="00A62D85">
            <w:proofErr w:type="spellStart"/>
            <w:r>
              <w:t>Inverse</w:t>
            </w:r>
            <w:proofErr w:type="spellEnd"/>
            <w:r>
              <w:t>, 15%</w:t>
            </w:r>
          </w:p>
        </w:tc>
        <w:tc>
          <w:tcPr>
            <w:tcW w:w="425" w:type="dxa"/>
            <w:tcBorders>
              <w:top w:val="nil"/>
              <w:bottom w:val="nil"/>
              <w:right w:val="nil"/>
            </w:tcBorders>
          </w:tcPr>
          <w:p w14:paraId="6D307AAA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77DEC118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417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37A2B7DF" w14:textId="77777777" w:rsidR="00A62D85" w:rsidRDefault="00A62D85" w:rsidP="00A62D85">
            <w:pPr>
              <w:spacing w:line="259" w:lineRule="auto"/>
            </w:pPr>
          </w:p>
        </w:tc>
        <w:tc>
          <w:tcPr>
            <w:tcW w:w="426" w:type="dxa"/>
            <w:tcBorders>
              <w:top w:val="nil"/>
              <w:left w:val="nil"/>
              <w:bottom w:val="nil"/>
            </w:tcBorders>
          </w:tcPr>
          <w:p w14:paraId="7874AD1E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984" w:type="dxa"/>
            <w:tcBorders>
              <w:bottom w:val="single" w:sz="4" w:space="0" w:color="auto"/>
            </w:tcBorders>
          </w:tcPr>
          <w:p w14:paraId="2F224033" w14:textId="77777777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276" w:type="dxa"/>
            <w:tcBorders>
              <w:bottom w:val="single" w:sz="4" w:space="0" w:color="auto"/>
            </w:tcBorders>
          </w:tcPr>
          <w:p w14:paraId="5005B85F" w14:textId="77777777" w:rsidR="00A62D85" w:rsidRDefault="00A62D85" w:rsidP="00A62D85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</w:tr>
    </w:tbl>
    <w:p w14:paraId="5003536D" w14:textId="77777777" w:rsidR="00A36D1D" w:rsidRDefault="00A36D1D" w:rsidP="00A36D1D">
      <w:r>
        <w:t xml:space="preserve"> Tabela konfiguracji</w:t>
      </w:r>
    </w:p>
    <w:p w14:paraId="7D193DEB" w14:textId="77777777" w:rsidR="00A36D1D" w:rsidRPr="00C363FA" w:rsidRDefault="00A36D1D" w:rsidP="00A36D1D"/>
    <w:tbl>
      <w:tblPr>
        <w:tblStyle w:val="Tabela-Siatka"/>
        <w:tblW w:w="0" w:type="auto"/>
        <w:tblLook w:val="04A0" w:firstRow="1" w:lastRow="0" w:firstColumn="1" w:lastColumn="0" w:noHBand="0" w:noVBand="1"/>
      </w:tblPr>
      <w:tblGrid>
        <w:gridCol w:w="1444"/>
        <w:gridCol w:w="1283"/>
        <w:gridCol w:w="1269"/>
        <w:gridCol w:w="1324"/>
        <w:gridCol w:w="1259"/>
        <w:gridCol w:w="1298"/>
        <w:gridCol w:w="1185"/>
      </w:tblGrid>
      <w:tr w:rsidR="00A5471C" w14:paraId="735497A9" w14:textId="0957EA6A" w:rsidTr="00A5471C">
        <w:tc>
          <w:tcPr>
            <w:tcW w:w="1444" w:type="dxa"/>
            <w:shd w:val="clear" w:color="auto" w:fill="B4C6E7" w:themeFill="accent1" w:themeFillTint="66"/>
          </w:tcPr>
          <w:p w14:paraId="4C695183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Heurystyka</w:t>
            </w:r>
          </w:p>
        </w:tc>
        <w:tc>
          <w:tcPr>
            <w:tcW w:w="1283" w:type="dxa"/>
            <w:shd w:val="clear" w:color="auto" w:fill="B4C6E7" w:themeFill="accent1" w:themeFillTint="66"/>
          </w:tcPr>
          <w:p w14:paraId="7F68F337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Best</w:t>
            </w:r>
          </w:p>
        </w:tc>
        <w:tc>
          <w:tcPr>
            <w:tcW w:w="1269" w:type="dxa"/>
            <w:shd w:val="clear" w:color="auto" w:fill="B4C6E7" w:themeFill="accent1" w:themeFillTint="66"/>
          </w:tcPr>
          <w:p w14:paraId="78478302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Avg</w:t>
            </w:r>
            <w:proofErr w:type="spellEnd"/>
          </w:p>
        </w:tc>
        <w:tc>
          <w:tcPr>
            <w:tcW w:w="1324" w:type="dxa"/>
            <w:shd w:val="clear" w:color="auto" w:fill="B4C6E7" w:themeFill="accent1" w:themeFillTint="66"/>
          </w:tcPr>
          <w:p w14:paraId="6A79D1A5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Worst</w:t>
            </w:r>
            <w:proofErr w:type="spellEnd"/>
          </w:p>
        </w:tc>
        <w:tc>
          <w:tcPr>
            <w:tcW w:w="1259" w:type="dxa"/>
            <w:shd w:val="clear" w:color="auto" w:fill="B4C6E7" w:themeFill="accent1" w:themeFillTint="66"/>
          </w:tcPr>
          <w:p w14:paraId="5E6C92C3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Std</w:t>
            </w:r>
            <w:proofErr w:type="spellEnd"/>
          </w:p>
        </w:tc>
        <w:tc>
          <w:tcPr>
            <w:tcW w:w="1298" w:type="dxa"/>
            <w:shd w:val="clear" w:color="auto" w:fill="B4C6E7" w:themeFill="accent1" w:themeFillTint="66"/>
          </w:tcPr>
          <w:p w14:paraId="06472B4B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Time</w:t>
            </w:r>
          </w:p>
        </w:tc>
        <w:tc>
          <w:tcPr>
            <w:tcW w:w="1185" w:type="dxa"/>
            <w:shd w:val="clear" w:color="auto" w:fill="B4C6E7" w:themeFill="accent1" w:themeFillTint="66"/>
          </w:tcPr>
          <w:p w14:paraId="0CC8901F" w14:textId="16DB3A79" w:rsidR="00A5471C" w:rsidRPr="00452375" w:rsidRDefault="00A5471C" w:rsidP="00077D86">
            <w:pPr>
              <w:rPr>
                <w:b/>
                <w:bCs/>
              </w:rPr>
            </w:pPr>
            <w:r>
              <w:rPr>
                <w:b/>
                <w:bCs/>
              </w:rPr>
              <w:t>Urodzenia</w:t>
            </w:r>
          </w:p>
        </w:tc>
      </w:tr>
      <w:tr w:rsidR="002473D9" w14:paraId="7A37A86D" w14:textId="073C2E3C" w:rsidTr="0054448D">
        <w:tc>
          <w:tcPr>
            <w:tcW w:w="1444" w:type="dxa"/>
          </w:tcPr>
          <w:p w14:paraId="0F4B302C" w14:textId="77777777" w:rsidR="002473D9" w:rsidRDefault="002473D9" w:rsidP="002473D9">
            <w:proofErr w:type="spellStart"/>
            <w:r>
              <w:t>Greedy</w:t>
            </w:r>
            <w:proofErr w:type="spellEnd"/>
          </w:p>
        </w:tc>
        <w:tc>
          <w:tcPr>
            <w:tcW w:w="1283" w:type="dxa"/>
            <w:vAlign w:val="bottom"/>
          </w:tcPr>
          <w:p w14:paraId="5283D28A" w14:textId="47A78992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38,7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269" w:type="dxa"/>
            <w:vAlign w:val="bottom"/>
          </w:tcPr>
          <w:p w14:paraId="2630C7B5" w14:textId="51AB5225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1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61,49</w:t>
            </w:r>
          </w:p>
        </w:tc>
        <w:tc>
          <w:tcPr>
            <w:tcW w:w="1324" w:type="dxa"/>
            <w:vAlign w:val="bottom"/>
          </w:tcPr>
          <w:p w14:paraId="386A40D9" w14:textId="5E964442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9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471,62</w:t>
            </w:r>
          </w:p>
        </w:tc>
        <w:tc>
          <w:tcPr>
            <w:tcW w:w="1259" w:type="dxa"/>
            <w:vAlign w:val="bottom"/>
          </w:tcPr>
          <w:p w14:paraId="5F46935B" w14:textId="45C58C31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16,73</w:t>
            </w:r>
          </w:p>
        </w:tc>
        <w:tc>
          <w:tcPr>
            <w:tcW w:w="1298" w:type="dxa"/>
          </w:tcPr>
          <w:p w14:paraId="318FF1B0" w14:textId="78F49854" w:rsidR="002473D9" w:rsidRDefault="002473D9" w:rsidP="00D7746F">
            <w:pPr>
              <w:jc w:val="right"/>
            </w:pPr>
            <w:r>
              <w:t>-</w:t>
            </w:r>
          </w:p>
        </w:tc>
        <w:tc>
          <w:tcPr>
            <w:tcW w:w="1185" w:type="dxa"/>
          </w:tcPr>
          <w:p w14:paraId="2AC671B0" w14:textId="15C0FAA0" w:rsidR="002473D9" w:rsidRDefault="002473D9" w:rsidP="00D7746F">
            <w:pPr>
              <w:jc w:val="right"/>
            </w:pPr>
            <w:r>
              <w:t>52</w:t>
            </w:r>
          </w:p>
        </w:tc>
      </w:tr>
      <w:tr w:rsidR="002473D9" w14:paraId="61F495C7" w14:textId="5DDD7C26" w:rsidTr="0054448D">
        <w:tc>
          <w:tcPr>
            <w:tcW w:w="1444" w:type="dxa"/>
          </w:tcPr>
          <w:p w14:paraId="44456658" w14:textId="77777777" w:rsidR="002473D9" w:rsidRDefault="002473D9" w:rsidP="002473D9">
            <w:proofErr w:type="spellStart"/>
            <w:r>
              <w:t>Random</w:t>
            </w:r>
            <w:proofErr w:type="spellEnd"/>
          </w:p>
        </w:tc>
        <w:tc>
          <w:tcPr>
            <w:tcW w:w="1283" w:type="dxa"/>
            <w:vAlign w:val="bottom"/>
          </w:tcPr>
          <w:p w14:paraId="3574047A" w14:textId="2D23EC94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45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459,82</w:t>
            </w:r>
          </w:p>
        </w:tc>
        <w:tc>
          <w:tcPr>
            <w:tcW w:w="1269" w:type="dxa"/>
            <w:vAlign w:val="bottom"/>
          </w:tcPr>
          <w:p w14:paraId="3EDC933D" w14:textId="0B2CD8BD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37</w:t>
            </w:r>
            <w:r w:rsidR="00B1184F">
              <w:rPr>
                <w:rFonts w:ascii="Calibri" w:hAnsi="Calibri" w:cs="Calibri"/>
                <w:color w:val="000000"/>
              </w:rPr>
              <w:t> </w:t>
            </w:r>
            <w:r>
              <w:rPr>
                <w:rFonts w:ascii="Calibri" w:hAnsi="Calibri" w:cs="Calibri"/>
                <w:color w:val="000000"/>
              </w:rPr>
              <w:t>778</w:t>
            </w:r>
            <w:r w:rsidR="00B1184F">
              <w:rPr>
                <w:rFonts w:ascii="Calibri" w:hAnsi="Calibri" w:cs="Calibri"/>
                <w:color w:val="000000"/>
              </w:rPr>
              <w:t>,00</w:t>
            </w:r>
          </w:p>
        </w:tc>
        <w:tc>
          <w:tcPr>
            <w:tcW w:w="1324" w:type="dxa"/>
            <w:vAlign w:val="bottom"/>
          </w:tcPr>
          <w:p w14:paraId="2F09599D" w14:textId="4EF315C0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30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403,86</w:t>
            </w:r>
          </w:p>
        </w:tc>
        <w:tc>
          <w:tcPr>
            <w:tcW w:w="1259" w:type="dxa"/>
            <w:vAlign w:val="bottom"/>
          </w:tcPr>
          <w:p w14:paraId="14BF9655" w14:textId="1825040F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2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73,59</w:t>
            </w:r>
          </w:p>
        </w:tc>
        <w:tc>
          <w:tcPr>
            <w:tcW w:w="1298" w:type="dxa"/>
          </w:tcPr>
          <w:p w14:paraId="14F6FA7F" w14:textId="5A84B40B" w:rsidR="002473D9" w:rsidRDefault="002473D9" w:rsidP="00D7746F">
            <w:pPr>
              <w:jc w:val="right"/>
            </w:pPr>
            <w:r>
              <w:t>-</w:t>
            </w:r>
          </w:p>
        </w:tc>
        <w:tc>
          <w:tcPr>
            <w:tcW w:w="1185" w:type="dxa"/>
          </w:tcPr>
          <w:p w14:paraId="14F0B924" w14:textId="275B975B" w:rsidR="002473D9" w:rsidRDefault="002473D9" w:rsidP="00D7746F">
            <w:pPr>
              <w:jc w:val="right"/>
            </w:pPr>
            <w:r>
              <w:t>10 000</w:t>
            </w:r>
          </w:p>
        </w:tc>
      </w:tr>
      <w:tr w:rsidR="002473D9" w14:paraId="546DDDEB" w14:textId="30982476" w:rsidTr="00906B72">
        <w:tc>
          <w:tcPr>
            <w:tcW w:w="1444" w:type="dxa"/>
          </w:tcPr>
          <w:p w14:paraId="7F22E39B" w14:textId="77777777" w:rsidR="002473D9" w:rsidRDefault="002473D9" w:rsidP="002473D9">
            <w:r>
              <w:t>EA</w:t>
            </w:r>
          </w:p>
        </w:tc>
        <w:tc>
          <w:tcPr>
            <w:tcW w:w="1283" w:type="dxa"/>
            <w:vAlign w:val="bottom"/>
          </w:tcPr>
          <w:p w14:paraId="7882BC39" w14:textId="5637B67E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5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02,76</w:t>
            </w:r>
          </w:p>
        </w:tc>
        <w:tc>
          <w:tcPr>
            <w:tcW w:w="1269" w:type="dxa"/>
            <w:vAlign w:val="bottom"/>
          </w:tcPr>
          <w:p w14:paraId="4A7BCDEB" w14:textId="5283743F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65,9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324" w:type="dxa"/>
            <w:vAlign w:val="bottom"/>
          </w:tcPr>
          <w:p w14:paraId="0A9789EA" w14:textId="53BB2E7B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3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846,46</w:t>
            </w:r>
          </w:p>
        </w:tc>
        <w:tc>
          <w:tcPr>
            <w:tcW w:w="1259" w:type="dxa"/>
            <w:vAlign w:val="bottom"/>
          </w:tcPr>
          <w:p w14:paraId="72928BCE" w14:textId="4E053C99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345,88</w:t>
            </w:r>
          </w:p>
        </w:tc>
        <w:tc>
          <w:tcPr>
            <w:tcW w:w="1298" w:type="dxa"/>
          </w:tcPr>
          <w:p w14:paraId="7B0A47B5" w14:textId="13FE0093" w:rsidR="002473D9" w:rsidRDefault="002473D9" w:rsidP="00D7746F">
            <w:pPr>
              <w:jc w:val="right"/>
            </w:pPr>
            <w:r>
              <w:t>3,56 s</w:t>
            </w:r>
          </w:p>
        </w:tc>
        <w:tc>
          <w:tcPr>
            <w:tcW w:w="1185" w:type="dxa"/>
          </w:tcPr>
          <w:p w14:paraId="57BB8D58" w14:textId="5FE9D652" w:rsidR="002473D9" w:rsidRDefault="002473D9" w:rsidP="00D7746F">
            <w:pPr>
              <w:jc w:val="right"/>
            </w:pPr>
            <w:r>
              <w:t>~113 000</w:t>
            </w:r>
          </w:p>
        </w:tc>
      </w:tr>
      <w:tr w:rsidR="002473D9" w14:paraId="60634609" w14:textId="20577992" w:rsidTr="00906B72">
        <w:trPr>
          <w:trHeight w:val="69"/>
        </w:trPr>
        <w:tc>
          <w:tcPr>
            <w:tcW w:w="1444" w:type="dxa"/>
          </w:tcPr>
          <w:p w14:paraId="15E76142" w14:textId="77777777" w:rsidR="002473D9" w:rsidRDefault="002473D9" w:rsidP="002473D9">
            <w:r>
              <w:t>TS</w:t>
            </w:r>
          </w:p>
        </w:tc>
        <w:tc>
          <w:tcPr>
            <w:tcW w:w="1283" w:type="dxa"/>
            <w:vAlign w:val="bottom"/>
          </w:tcPr>
          <w:p w14:paraId="688ACF21" w14:textId="3260D99D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638,68</w:t>
            </w:r>
          </w:p>
        </w:tc>
        <w:tc>
          <w:tcPr>
            <w:tcW w:w="1269" w:type="dxa"/>
            <w:vAlign w:val="bottom"/>
          </w:tcPr>
          <w:p w14:paraId="303920FF" w14:textId="02FFCCC4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4C1EF2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19,29</w:t>
            </w:r>
          </w:p>
        </w:tc>
        <w:tc>
          <w:tcPr>
            <w:tcW w:w="1324" w:type="dxa"/>
            <w:vAlign w:val="bottom"/>
          </w:tcPr>
          <w:p w14:paraId="1AB3A1B8" w14:textId="5BB1EC18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3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845,07</w:t>
            </w:r>
          </w:p>
        </w:tc>
        <w:tc>
          <w:tcPr>
            <w:tcW w:w="1259" w:type="dxa"/>
            <w:vAlign w:val="bottom"/>
          </w:tcPr>
          <w:p w14:paraId="784FC377" w14:textId="39F29D9D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235,55</w:t>
            </w:r>
          </w:p>
        </w:tc>
        <w:tc>
          <w:tcPr>
            <w:tcW w:w="1298" w:type="dxa"/>
          </w:tcPr>
          <w:p w14:paraId="270AB234" w14:textId="4F1A76C3" w:rsidR="002473D9" w:rsidRDefault="002473D9" w:rsidP="00D7746F">
            <w:pPr>
              <w:jc w:val="right"/>
            </w:pPr>
            <w:r>
              <w:t>2,24 s</w:t>
            </w:r>
          </w:p>
        </w:tc>
        <w:tc>
          <w:tcPr>
            <w:tcW w:w="1185" w:type="dxa"/>
          </w:tcPr>
          <w:p w14:paraId="56DF9AD2" w14:textId="28CFEF1E" w:rsidR="002473D9" w:rsidRDefault="002473D9" w:rsidP="00D7746F">
            <w:pPr>
              <w:jc w:val="right"/>
            </w:pPr>
            <w:r>
              <w:t>50 000</w:t>
            </w:r>
          </w:p>
        </w:tc>
      </w:tr>
      <w:tr w:rsidR="002473D9" w14:paraId="230D7D90" w14:textId="2DA26A05" w:rsidTr="004C1EF2">
        <w:tc>
          <w:tcPr>
            <w:tcW w:w="1444" w:type="dxa"/>
          </w:tcPr>
          <w:p w14:paraId="5B82BC9B" w14:textId="77777777" w:rsidR="002473D9" w:rsidRDefault="002473D9" w:rsidP="002473D9">
            <w:r>
              <w:t>SA</w:t>
            </w:r>
          </w:p>
        </w:tc>
        <w:tc>
          <w:tcPr>
            <w:tcW w:w="1283" w:type="dxa"/>
            <w:shd w:val="clear" w:color="auto" w:fill="A8D08D" w:themeFill="accent6" w:themeFillTint="99"/>
            <w:vAlign w:val="bottom"/>
          </w:tcPr>
          <w:p w14:paraId="418A7162" w14:textId="48892DB5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5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76,69</w:t>
            </w:r>
          </w:p>
        </w:tc>
        <w:tc>
          <w:tcPr>
            <w:tcW w:w="1269" w:type="dxa"/>
            <w:shd w:val="clear" w:color="auto" w:fill="A8D08D" w:themeFill="accent6" w:themeFillTint="99"/>
            <w:vAlign w:val="bottom"/>
          </w:tcPr>
          <w:p w14:paraId="772C85BB" w14:textId="72A8D8BA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30,77</w:t>
            </w:r>
          </w:p>
        </w:tc>
        <w:tc>
          <w:tcPr>
            <w:tcW w:w="1324" w:type="dxa"/>
            <w:shd w:val="clear" w:color="auto" w:fill="A8D08D" w:themeFill="accent6" w:themeFillTint="99"/>
            <w:vAlign w:val="bottom"/>
          </w:tcPr>
          <w:p w14:paraId="02133B91" w14:textId="528F3A06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A046E8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686,76</w:t>
            </w:r>
          </w:p>
        </w:tc>
        <w:tc>
          <w:tcPr>
            <w:tcW w:w="1259" w:type="dxa"/>
            <w:shd w:val="clear" w:color="auto" w:fill="A8D08D" w:themeFill="accent6" w:themeFillTint="99"/>
            <w:vAlign w:val="bottom"/>
          </w:tcPr>
          <w:p w14:paraId="36E0DB0E" w14:textId="27856D06" w:rsidR="002473D9" w:rsidRDefault="002473D9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62</w:t>
            </w:r>
            <w:r w:rsidR="00623255">
              <w:rPr>
                <w:rFonts w:ascii="Calibri" w:hAnsi="Calibri" w:cs="Calibri"/>
                <w:color w:val="000000"/>
              </w:rPr>
              <w:t>,00</w:t>
            </w:r>
          </w:p>
        </w:tc>
        <w:tc>
          <w:tcPr>
            <w:tcW w:w="1298" w:type="dxa"/>
            <w:shd w:val="clear" w:color="auto" w:fill="A8D08D" w:themeFill="accent6" w:themeFillTint="99"/>
          </w:tcPr>
          <w:p w14:paraId="6B407676" w14:textId="0CA63651" w:rsidR="002473D9" w:rsidRDefault="002473D9" w:rsidP="00D7746F">
            <w:pPr>
              <w:jc w:val="right"/>
            </w:pPr>
            <w:r>
              <w:t>2,00 s</w:t>
            </w:r>
          </w:p>
        </w:tc>
        <w:tc>
          <w:tcPr>
            <w:tcW w:w="1185" w:type="dxa"/>
          </w:tcPr>
          <w:p w14:paraId="4ACA05B3" w14:textId="4C1517E2" w:rsidR="002473D9" w:rsidRDefault="002473D9" w:rsidP="00D7746F">
            <w:pPr>
              <w:jc w:val="right"/>
            </w:pPr>
            <w:r>
              <w:t>75 000</w:t>
            </w:r>
          </w:p>
        </w:tc>
      </w:tr>
    </w:tbl>
    <w:p w14:paraId="5796B7FB" w14:textId="77777777" w:rsidR="00A36D1D" w:rsidRPr="0003703F" w:rsidRDefault="00A36D1D" w:rsidP="00A36D1D"/>
    <w:p w14:paraId="6E9ED02B" w14:textId="54F0CEA5" w:rsidR="00A36D1D" w:rsidRDefault="005B3D72" w:rsidP="0003703F">
      <w:r>
        <w:t xml:space="preserve">Ponownie wszystkie heurystyki osiągnęły lepsze wyniki niż </w:t>
      </w:r>
      <w:proofErr w:type="spellStart"/>
      <w:r>
        <w:t>Greedy</w:t>
      </w:r>
      <w:proofErr w:type="spellEnd"/>
      <w:r>
        <w:t xml:space="preserve">, choć tym razem </w:t>
      </w:r>
      <w:r w:rsidR="00623255">
        <w:t>SA wygrało w każdej konkurencji</w:t>
      </w:r>
      <w:r w:rsidR="0047557F">
        <w:t xml:space="preserve">, od najlepszego wyniku po najlepszy czas, chociaż pozostałe </w:t>
      </w:r>
      <w:r w:rsidR="0040155A">
        <w:t>heurystyki nie odstawały w znacznym stopniu.</w:t>
      </w:r>
    </w:p>
    <w:p w14:paraId="0EC832FB" w14:textId="5993AA56" w:rsidR="00A36D1D" w:rsidRDefault="007705AD" w:rsidP="0003703F">
      <w:r>
        <w:rPr>
          <w:noProof/>
        </w:rPr>
        <w:lastRenderedPageBreak/>
        <mc:AlternateContent>
          <mc:Choice Requires="cx1">
            <w:drawing>
              <wp:inline distT="0" distB="0" distL="0" distR="0" wp14:anchorId="10FA8A53" wp14:editId="2783552A">
                <wp:extent cx="5760720" cy="4135120"/>
                <wp:effectExtent l="0" t="0" r="11430" b="17780"/>
                <wp:docPr id="7" name="Wykres 7">
                  <a:extLst xmlns:a="http://schemas.openxmlformats.org/drawingml/2006/main">
                    <a:ext uri="{FF2B5EF4-FFF2-40B4-BE49-F238E27FC236}">
                      <a16:creationId xmlns:a16="http://schemas.microsoft.com/office/drawing/2014/main" id="{03282760-8DE5-61E2-EB31-A8C2D8C4E302}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drawing/2014/chartex">
                    <cx:chart xmlns:cx="http://schemas.microsoft.com/office/drawing/2014/chartex" xmlns:r="http://schemas.openxmlformats.org/officeDocument/2006/relationships" r:id="rId9"/>
                  </a:graphicData>
                </a:graphic>
              </wp:inline>
            </w:drawing>
          </mc:Choice>
          <mc:Fallback>
            <w:drawing>
              <wp:inline distT="0" distB="0" distL="0" distR="0" wp14:anchorId="10FA8A53" wp14:editId="2783552A">
                <wp:extent cx="5760720" cy="4135120"/>
                <wp:effectExtent l="0" t="0" r="11430" b="17780"/>
                <wp:docPr id="7" name="Wykres 7">
                  <a:extLst xmlns:a="http://schemas.openxmlformats.org/drawingml/2006/main">
                    <a:ext uri="{FF2B5EF4-FFF2-40B4-BE49-F238E27FC236}">
                      <a16:creationId xmlns:a16="http://schemas.microsoft.com/office/drawing/2014/main" id="{03282760-8DE5-61E2-EB31-A8C2D8C4E302}"/>
                    </a:ext>
                  </a:extLst>
                </wp:docPr>
                <wp:cNvGraphicFramePr>
                  <a:graphicFrameLocks xmlns:a="http://schemas.openxmlformats.org/drawingml/2006/main" noGrp="1" noDrilldown="1" noSelect="1" noChangeAspect="1" noMove="1" noResize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7" name="Wykres 7">
                          <a:extLst>
                            <a:ext uri="{FF2B5EF4-FFF2-40B4-BE49-F238E27FC236}">
                              <a16:creationId xmlns:a16="http://schemas.microsoft.com/office/drawing/2014/main" id="{03282760-8DE5-61E2-EB31-A8C2D8C4E302}"/>
                            </a:ext>
                          </a:extLst>
                        </pic:cNvPr>
                        <pic:cNvPicPr>
                          <a:picLocks noGrp="1" noRot="1" noChangeAspect="1" noMove="1" noResize="1" noEditPoints="1" noAdjustHandles="1" noChangeArrowheads="1" noChangeShapeType="1"/>
                        </pic:cNvPicPr>
                      </pic:nvPicPr>
                      <pic:blipFill>
                        <a:blip r:embed="rId10"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5760720" cy="413512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mc:Fallback>
        </mc:AlternateContent>
      </w:r>
    </w:p>
    <w:p w14:paraId="37570F08" w14:textId="75DFE53A" w:rsidR="00A36D1D" w:rsidRDefault="00A36D1D" w:rsidP="00A36D1D">
      <w:pPr>
        <w:pStyle w:val="Nagwek2"/>
      </w:pPr>
      <w:r>
        <w:t>Dane wejściowe Medium 4</w:t>
      </w:r>
    </w:p>
    <w:p w14:paraId="2969E2E0" w14:textId="366D4539" w:rsidR="000F67B6" w:rsidRPr="000F67B6" w:rsidRDefault="000F67B6" w:rsidP="000F67B6">
      <w:r>
        <w:t xml:space="preserve">Dane konfiguracji dla pliku medium 4 są takie same jak dla </w:t>
      </w:r>
      <w:proofErr w:type="spellStart"/>
      <w:r>
        <w:t>easy</w:t>
      </w:r>
      <w:proofErr w:type="spellEnd"/>
      <w:r>
        <w:t xml:space="preserve"> 4, ponieważ nie zmieniła się ilość miast, a jedynie ilość i pojemność plecaka.</w:t>
      </w:r>
    </w:p>
    <w:tbl>
      <w:tblPr>
        <w:tblStyle w:val="Tabela-Siatka"/>
        <w:tblpPr w:leftFromText="141" w:rightFromText="141" w:vertAnchor="text" w:horzAnchor="margin" w:tblpXSpec="center" w:tblpY="488"/>
        <w:tblW w:w="10348" w:type="dxa"/>
        <w:tblLook w:val="04A0" w:firstRow="1" w:lastRow="0" w:firstColumn="1" w:lastColumn="0" w:noHBand="0" w:noVBand="1"/>
      </w:tblPr>
      <w:tblGrid>
        <w:gridCol w:w="1701"/>
        <w:gridCol w:w="1418"/>
        <w:gridCol w:w="425"/>
        <w:gridCol w:w="1701"/>
        <w:gridCol w:w="1417"/>
        <w:gridCol w:w="426"/>
        <w:gridCol w:w="1984"/>
        <w:gridCol w:w="1276"/>
      </w:tblGrid>
      <w:tr w:rsidR="00A36D1D" w14:paraId="77E647CB" w14:textId="77777777" w:rsidTr="00077D86">
        <w:trPr>
          <w:trHeight w:val="336"/>
        </w:trPr>
        <w:tc>
          <w:tcPr>
            <w:tcW w:w="1701" w:type="dxa"/>
            <w:shd w:val="clear" w:color="auto" w:fill="B4C6E7" w:themeFill="accent1" w:themeFillTint="66"/>
          </w:tcPr>
          <w:p w14:paraId="21E87ACD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418" w:type="dxa"/>
            <w:shd w:val="clear" w:color="auto" w:fill="B4C6E7" w:themeFill="accent1" w:themeFillTint="66"/>
          </w:tcPr>
          <w:p w14:paraId="6EBBDC97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EA</w:t>
            </w:r>
          </w:p>
        </w:tc>
        <w:tc>
          <w:tcPr>
            <w:tcW w:w="425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380A900E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701" w:type="dxa"/>
            <w:shd w:val="clear" w:color="auto" w:fill="B4C6E7" w:themeFill="accent1" w:themeFillTint="66"/>
          </w:tcPr>
          <w:p w14:paraId="08454507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 xml:space="preserve">Dane </w:t>
            </w:r>
          </w:p>
        </w:tc>
        <w:tc>
          <w:tcPr>
            <w:tcW w:w="1417" w:type="dxa"/>
            <w:shd w:val="clear" w:color="auto" w:fill="B4C6E7" w:themeFill="accent1" w:themeFillTint="66"/>
          </w:tcPr>
          <w:p w14:paraId="6475CC25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TS</w:t>
            </w:r>
          </w:p>
        </w:tc>
        <w:tc>
          <w:tcPr>
            <w:tcW w:w="426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1625A6E6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984" w:type="dxa"/>
            <w:shd w:val="clear" w:color="auto" w:fill="B4C6E7" w:themeFill="accent1" w:themeFillTint="66"/>
          </w:tcPr>
          <w:p w14:paraId="3D8077E8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276" w:type="dxa"/>
            <w:shd w:val="clear" w:color="auto" w:fill="B4C6E7" w:themeFill="accent1" w:themeFillTint="66"/>
          </w:tcPr>
          <w:p w14:paraId="0484DB86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A</w:t>
            </w:r>
          </w:p>
        </w:tc>
      </w:tr>
      <w:tr w:rsidR="00A36D1D" w14:paraId="0461FC91" w14:textId="77777777" w:rsidTr="00077D86">
        <w:tc>
          <w:tcPr>
            <w:tcW w:w="1701" w:type="dxa"/>
          </w:tcPr>
          <w:p w14:paraId="585D25B7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8" w:type="dxa"/>
          </w:tcPr>
          <w:p w14:paraId="087CB7C6" w14:textId="058302AB" w:rsidR="00A36D1D" w:rsidRDefault="00165167" w:rsidP="00077D86">
            <w:r>
              <w:t>5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33A2D5B0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701" w:type="dxa"/>
          </w:tcPr>
          <w:p w14:paraId="08EC819B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7" w:type="dxa"/>
          </w:tcPr>
          <w:p w14:paraId="7434C16A" w14:textId="455616EB" w:rsidR="00A36D1D" w:rsidRDefault="00165167" w:rsidP="00077D86">
            <w:pPr>
              <w:spacing w:line="259" w:lineRule="auto"/>
            </w:pPr>
            <w:r>
              <w:t>1 0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26ED02DC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984" w:type="dxa"/>
          </w:tcPr>
          <w:p w14:paraId="6D93756E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276" w:type="dxa"/>
          </w:tcPr>
          <w:p w14:paraId="4D0CF00D" w14:textId="348635B7" w:rsidR="00A36D1D" w:rsidRDefault="00165167" w:rsidP="00077D86">
            <w:pPr>
              <w:spacing w:line="259" w:lineRule="auto"/>
            </w:pPr>
            <w:r>
              <w:t>3 000</w:t>
            </w:r>
          </w:p>
        </w:tc>
      </w:tr>
      <w:tr w:rsidR="00A36D1D" w14:paraId="5CB4C764" w14:textId="77777777" w:rsidTr="00077D86">
        <w:tc>
          <w:tcPr>
            <w:tcW w:w="1701" w:type="dxa"/>
          </w:tcPr>
          <w:p w14:paraId="3E22F1FC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Populacja</w:t>
            </w:r>
          </w:p>
        </w:tc>
        <w:tc>
          <w:tcPr>
            <w:tcW w:w="1418" w:type="dxa"/>
          </w:tcPr>
          <w:p w14:paraId="5DAA29EF" w14:textId="38AA51E9" w:rsidR="00A36D1D" w:rsidRDefault="00165167" w:rsidP="00077D86">
            <w:r>
              <w:t>3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6417AA69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701" w:type="dxa"/>
          </w:tcPr>
          <w:p w14:paraId="7AF17042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417" w:type="dxa"/>
          </w:tcPr>
          <w:p w14:paraId="1B6C8652" w14:textId="3BEA614C" w:rsidR="00A36D1D" w:rsidRDefault="00165167" w:rsidP="00077D86">
            <w:pPr>
              <w:spacing w:line="259" w:lineRule="auto"/>
            </w:pPr>
            <w:r>
              <w:t>5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2D69B276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984" w:type="dxa"/>
          </w:tcPr>
          <w:p w14:paraId="4AF014F6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276" w:type="dxa"/>
          </w:tcPr>
          <w:p w14:paraId="7760EEC4" w14:textId="2AF9C674" w:rsidR="00A36D1D" w:rsidRDefault="005875F3" w:rsidP="00077D86">
            <w:pPr>
              <w:spacing w:line="259" w:lineRule="auto"/>
            </w:pPr>
            <w:r>
              <w:t>25</w:t>
            </w:r>
          </w:p>
        </w:tc>
      </w:tr>
      <w:tr w:rsidR="00A62D85" w14:paraId="010CCB6E" w14:textId="77777777" w:rsidTr="00077D86">
        <w:tc>
          <w:tcPr>
            <w:tcW w:w="1701" w:type="dxa"/>
          </w:tcPr>
          <w:p w14:paraId="1E5240A4" w14:textId="77777777" w:rsidR="00A62D85" w:rsidRPr="009800FE" w:rsidRDefault="00A62D85" w:rsidP="00A62D85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Selekcja</w:t>
            </w:r>
          </w:p>
        </w:tc>
        <w:tc>
          <w:tcPr>
            <w:tcW w:w="1418" w:type="dxa"/>
          </w:tcPr>
          <w:p w14:paraId="548689FA" w14:textId="4850591B" w:rsidR="00A62D85" w:rsidRDefault="00A62D85" w:rsidP="00A62D85">
            <w:r>
              <w:t>Turniej, 5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486810B7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701" w:type="dxa"/>
          </w:tcPr>
          <w:p w14:paraId="5B560E9A" w14:textId="77777777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Rozmiar Tabu</w:t>
            </w:r>
          </w:p>
        </w:tc>
        <w:tc>
          <w:tcPr>
            <w:tcW w:w="1417" w:type="dxa"/>
          </w:tcPr>
          <w:p w14:paraId="0F7B06C9" w14:textId="13510BCF" w:rsidR="00A62D85" w:rsidRDefault="00A62D85" w:rsidP="00A62D85">
            <w:pPr>
              <w:spacing w:line="259" w:lineRule="auto"/>
            </w:pPr>
            <w:r>
              <w:t>2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7DC00284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984" w:type="dxa"/>
          </w:tcPr>
          <w:p w14:paraId="4A2D7651" w14:textId="77777777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początkowa</w:t>
            </w:r>
          </w:p>
        </w:tc>
        <w:tc>
          <w:tcPr>
            <w:tcW w:w="1276" w:type="dxa"/>
          </w:tcPr>
          <w:p w14:paraId="4D20DEB6" w14:textId="66BEC8F0" w:rsidR="00A62D85" w:rsidRDefault="00A62D85" w:rsidP="00A62D85">
            <w:pPr>
              <w:spacing w:line="259" w:lineRule="auto"/>
            </w:pPr>
            <w:r>
              <w:t>1 000</w:t>
            </w:r>
          </w:p>
        </w:tc>
      </w:tr>
      <w:tr w:rsidR="00A62D85" w14:paraId="1CE07303" w14:textId="77777777" w:rsidTr="00077D86">
        <w:tc>
          <w:tcPr>
            <w:tcW w:w="1701" w:type="dxa"/>
          </w:tcPr>
          <w:p w14:paraId="62E4F03C" w14:textId="77777777" w:rsidR="00A62D85" w:rsidRPr="009800FE" w:rsidRDefault="00A62D85" w:rsidP="00A62D85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Krzyżowanie</w:t>
            </w:r>
          </w:p>
        </w:tc>
        <w:tc>
          <w:tcPr>
            <w:tcW w:w="1418" w:type="dxa"/>
          </w:tcPr>
          <w:p w14:paraId="03E10D43" w14:textId="7C27E22D" w:rsidR="00A62D85" w:rsidRDefault="00A62D85" w:rsidP="00A62D85">
            <w:r>
              <w:t>OX, 70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6BC66BA6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701" w:type="dxa"/>
            <w:tcBorders>
              <w:bottom w:val="single" w:sz="4" w:space="0" w:color="auto"/>
            </w:tcBorders>
          </w:tcPr>
          <w:p w14:paraId="361CB4DE" w14:textId="77777777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7" w:type="dxa"/>
            <w:tcBorders>
              <w:bottom w:val="single" w:sz="4" w:space="0" w:color="auto"/>
            </w:tcBorders>
          </w:tcPr>
          <w:p w14:paraId="06538257" w14:textId="77777777" w:rsidR="00A62D85" w:rsidRDefault="00A62D85" w:rsidP="00A62D85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4CBC0757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984" w:type="dxa"/>
          </w:tcPr>
          <w:p w14:paraId="6472763C" w14:textId="77777777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końcowa</w:t>
            </w:r>
            <w:r w:rsidRPr="009800FE">
              <w:rPr>
                <w:b/>
                <w:bCs/>
              </w:rPr>
              <w:t xml:space="preserve"> </w:t>
            </w:r>
          </w:p>
        </w:tc>
        <w:tc>
          <w:tcPr>
            <w:tcW w:w="1276" w:type="dxa"/>
          </w:tcPr>
          <w:p w14:paraId="162ECFA4" w14:textId="14F1EB23" w:rsidR="00A62D85" w:rsidRDefault="00A62D85" w:rsidP="00A62D85">
            <w:pPr>
              <w:spacing w:line="259" w:lineRule="auto"/>
            </w:pPr>
            <w:r>
              <w:t>5</w:t>
            </w:r>
          </w:p>
        </w:tc>
      </w:tr>
      <w:tr w:rsidR="00A62D85" w14:paraId="4C9728D3" w14:textId="77777777" w:rsidTr="00077D86">
        <w:tc>
          <w:tcPr>
            <w:tcW w:w="1701" w:type="dxa"/>
            <w:tcBorders>
              <w:bottom w:val="single" w:sz="4" w:space="0" w:color="auto"/>
            </w:tcBorders>
          </w:tcPr>
          <w:p w14:paraId="69A908EA" w14:textId="77777777" w:rsidR="00A62D85" w:rsidRPr="009800FE" w:rsidRDefault="00A62D85" w:rsidP="00A62D85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8" w:type="dxa"/>
            <w:tcBorders>
              <w:bottom w:val="single" w:sz="4" w:space="0" w:color="auto"/>
            </w:tcBorders>
          </w:tcPr>
          <w:p w14:paraId="14C7D626" w14:textId="681FE840" w:rsidR="00A62D85" w:rsidRDefault="00A62D85" w:rsidP="00A62D85">
            <w:proofErr w:type="spellStart"/>
            <w:r>
              <w:t>Inverse</w:t>
            </w:r>
            <w:proofErr w:type="spellEnd"/>
            <w:r>
              <w:t>, 15%</w:t>
            </w:r>
          </w:p>
        </w:tc>
        <w:tc>
          <w:tcPr>
            <w:tcW w:w="425" w:type="dxa"/>
            <w:tcBorders>
              <w:top w:val="nil"/>
              <w:bottom w:val="nil"/>
              <w:right w:val="nil"/>
            </w:tcBorders>
          </w:tcPr>
          <w:p w14:paraId="516F1AD0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2E648171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417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60C6AAC2" w14:textId="77777777" w:rsidR="00A62D85" w:rsidRDefault="00A62D85" w:rsidP="00A62D85">
            <w:pPr>
              <w:spacing w:line="259" w:lineRule="auto"/>
            </w:pPr>
          </w:p>
        </w:tc>
        <w:tc>
          <w:tcPr>
            <w:tcW w:w="426" w:type="dxa"/>
            <w:tcBorders>
              <w:top w:val="nil"/>
              <w:left w:val="nil"/>
              <w:bottom w:val="nil"/>
            </w:tcBorders>
          </w:tcPr>
          <w:p w14:paraId="4091C518" w14:textId="77777777" w:rsidR="00A62D85" w:rsidRDefault="00A62D85" w:rsidP="00A62D85">
            <w:pPr>
              <w:spacing w:line="259" w:lineRule="auto"/>
            </w:pPr>
          </w:p>
        </w:tc>
        <w:tc>
          <w:tcPr>
            <w:tcW w:w="1984" w:type="dxa"/>
            <w:tcBorders>
              <w:bottom w:val="single" w:sz="4" w:space="0" w:color="auto"/>
            </w:tcBorders>
          </w:tcPr>
          <w:p w14:paraId="334303C9" w14:textId="77777777" w:rsidR="00A62D85" w:rsidRPr="009800FE" w:rsidRDefault="00A62D85" w:rsidP="00A62D85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276" w:type="dxa"/>
            <w:tcBorders>
              <w:bottom w:val="single" w:sz="4" w:space="0" w:color="auto"/>
            </w:tcBorders>
          </w:tcPr>
          <w:p w14:paraId="2CF4F63C" w14:textId="77777777" w:rsidR="00A62D85" w:rsidRDefault="00A62D85" w:rsidP="00A62D85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</w:tr>
    </w:tbl>
    <w:p w14:paraId="5E05F600" w14:textId="77777777" w:rsidR="00A36D1D" w:rsidRDefault="00A36D1D" w:rsidP="00A36D1D">
      <w:r>
        <w:t xml:space="preserve"> Tabela konfiguracji</w:t>
      </w:r>
    </w:p>
    <w:p w14:paraId="1C680D1D" w14:textId="77777777" w:rsidR="00A36D1D" w:rsidRPr="00C363FA" w:rsidRDefault="00A36D1D" w:rsidP="00A36D1D"/>
    <w:tbl>
      <w:tblPr>
        <w:tblStyle w:val="Tabela-Siatka"/>
        <w:tblW w:w="0" w:type="auto"/>
        <w:tblLook w:val="04A0" w:firstRow="1" w:lastRow="0" w:firstColumn="1" w:lastColumn="0" w:noHBand="0" w:noVBand="1"/>
      </w:tblPr>
      <w:tblGrid>
        <w:gridCol w:w="1444"/>
        <w:gridCol w:w="1283"/>
        <w:gridCol w:w="1269"/>
        <w:gridCol w:w="1324"/>
        <w:gridCol w:w="1259"/>
        <w:gridCol w:w="1298"/>
        <w:gridCol w:w="1185"/>
      </w:tblGrid>
      <w:tr w:rsidR="00A5471C" w14:paraId="7D0D8FA3" w14:textId="74BE919D" w:rsidTr="00A5471C">
        <w:tc>
          <w:tcPr>
            <w:tcW w:w="1444" w:type="dxa"/>
            <w:shd w:val="clear" w:color="auto" w:fill="B4C6E7" w:themeFill="accent1" w:themeFillTint="66"/>
          </w:tcPr>
          <w:p w14:paraId="5ECBD1AC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Heurystyka</w:t>
            </w:r>
          </w:p>
        </w:tc>
        <w:tc>
          <w:tcPr>
            <w:tcW w:w="1283" w:type="dxa"/>
            <w:shd w:val="clear" w:color="auto" w:fill="B4C6E7" w:themeFill="accent1" w:themeFillTint="66"/>
          </w:tcPr>
          <w:p w14:paraId="4C379FE8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Best</w:t>
            </w:r>
          </w:p>
        </w:tc>
        <w:tc>
          <w:tcPr>
            <w:tcW w:w="1269" w:type="dxa"/>
            <w:shd w:val="clear" w:color="auto" w:fill="B4C6E7" w:themeFill="accent1" w:themeFillTint="66"/>
          </w:tcPr>
          <w:p w14:paraId="0CFE5AC1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Avg</w:t>
            </w:r>
            <w:proofErr w:type="spellEnd"/>
          </w:p>
        </w:tc>
        <w:tc>
          <w:tcPr>
            <w:tcW w:w="1324" w:type="dxa"/>
            <w:shd w:val="clear" w:color="auto" w:fill="B4C6E7" w:themeFill="accent1" w:themeFillTint="66"/>
          </w:tcPr>
          <w:p w14:paraId="14EC5EEE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Worst</w:t>
            </w:r>
            <w:proofErr w:type="spellEnd"/>
          </w:p>
        </w:tc>
        <w:tc>
          <w:tcPr>
            <w:tcW w:w="1259" w:type="dxa"/>
            <w:shd w:val="clear" w:color="auto" w:fill="B4C6E7" w:themeFill="accent1" w:themeFillTint="66"/>
          </w:tcPr>
          <w:p w14:paraId="4B028882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Std</w:t>
            </w:r>
            <w:proofErr w:type="spellEnd"/>
          </w:p>
        </w:tc>
        <w:tc>
          <w:tcPr>
            <w:tcW w:w="1298" w:type="dxa"/>
            <w:shd w:val="clear" w:color="auto" w:fill="B4C6E7" w:themeFill="accent1" w:themeFillTint="66"/>
          </w:tcPr>
          <w:p w14:paraId="3B3BB7F9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Time</w:t>
            </w:r>
          </w:p>
        </w:tc>
        <w:tc>
          <w:tcPr>
            <w:tcW w:w="1185" w:type="dxa"/>
            <w:shd w:val="clear" w:color="auto" w:fill="B4C6E7" w:themeFill="accent1" w:themeFillTint="66"/>
          </w:tcPr>
          <w:p w14:paraId="4DE53177" w14:textId="2E6A07FC" w:rsidR="00A5471C" w:rsidRPr="00452375" w:rsidRDefault="00A5471C" w:rsidP="00077D86">
            <w:pPr>
              <w:rPr>
                <w:b/>
                <w:bCs/>
              </w:rPr>
            </w:pPr>
            <w:r>
              <w:rPr>
                <w:b/>
                <w:bCs/>
              </w:rPr>
              <w:t>Urodzenia</w:t>
            </w:r>
          </w:p>
        </w:tc>
      </w:tr>
      <w:tr w:rsidR="00A23EE4" w14:paraId="2FC53CC5" w14:textId="39432539" w:rsidTr="00787100">
        <w:tc>
          <w:tcPr>
            <w:tcW w:w="1444" w:type="dxa"/>
          </w:tcPr>
          <w:p w14:paraId="0C4C6BA9" w14:textId="77777777" w:rsidR="00A23EE4" w:rsidRDefault="00A23EE4" w:rsidP="00A23EE4">
            <w:proofErr w:type="spellStart"/>
            <w:r>
              <w:t>Greedy</w:t>
            </w:r>
            <w:proofErr w:type="spellEnd"/>
          </w:p>
        </w:tc>
        <w:tc>
          <w:tcPr>
            <w:tcW w:w="1283" w:type="dxa"/>
            <w:vAlign w:val="bottom"/>
          </w:tcPr>
          <w:p w14:paraId="6ACAE737" w14:textId="759F5A5A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703,07</w:t>
            </w:r>
          </w:p>
        </w:tc>
        <w:tc>
          <w:tcPr>
            <w:tcW w:w="1269" w:type="dxa"/>
            <w:vAlign w:val="bottom"/>
          </w:tcPr>
          <w:p w14:paraId="05152B5C" w14:textId="07238D18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2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816,7</w:t>
            </w:r>
            <w:r w:rsidR="00B1184F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324" w:type="dxa"/>
            <w:vAlign w:val="bottom"/>
          </w:tcPr>
          <w:p w14:paraId="182D1E00" w14:textId="79E8765B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0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327,77</w:t>
            </w:r>
          </w:p>
        </w:tc>
        <w:tc>
          <w:tcPr>
            <w:tcW w:w="1259" w:type="dxa"/>
            <w:vAlign w:val="bottom"/>
          </w:tcPr>
          <w:p w14:paraId="15E4949C" w14:textId="36543CE5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15,739</w:t>
            </w:r>
          </w:p>
        </w:tc>
        <w:tc>
          <w:tcPr>
            <w:tcW w:w="1298" w:type="dxa"/>
          </w:tcPr>
          <w:p w14:paraId="7D25D765" w14:textId="2FFBE8A2" w:rsidR="00A23EE4" w:rsidRDefault="00A23EE4" w:rsidP="00D7746F">
            <w:pPr>
              <w:jc w:val="right"/>
            </w:pPr>
            <w:r>
              <w:t>-</w:t>
            </w:r>
          </w:p>
        </w:tc>
        <w:tc>
          <w:tcPr>
            <w:tcW w:w="1185" w:type="dxa"/>
          </w:tcPr>
          <w:p w14:paraId="5FF7BF11" w14:textId="2F953A4A" w:rsidR="00A23EE4" w:rsidRDefault="00A23EE4" w:rsidP="00D7746F">
            <w:pPr>
              <w:jc w:val="right"/>
            </w:pPr>
            <w:r>
              <w:t>52</w:t>
            </w:r>
          </w:p>
        </w:tc>
      </w:tr>
      <w:tr w:rsidR="00A23EE4" w14:paraId="5CCCCA58" w14:textId="09CFCA82" w:rsidTr="00787100">
        <w:tc>
          <w:tcPr>
            <w:tcW w:w="1444" w:type="dxa"/>
          </w:tcPr>
          <w:p w14:paraId="3CB92DCE" w14:textId="77777777" w:rsidR="00A23EE4" w:rsidRDefault="00A23EE4" w:rsidP="00A23EE4">
            <w:proofErr w:type="spellStart"/>
            <w:r>
              <w:t>Random</w:t>
            </w:r>
            <w:proofErr w:type="spellEnd"/>
          </w:p>
        </w:tc>
        <w:tc>
          <w:tcPr>
            <w:tcW w:w="1283" w:type="dxa"/>
            <w:vAlign w:val="bottom"/>
          </w:tcPr>
          <w:p w14:paraId="271F0251" w14:textId="7D5A2574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46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758,92</w:t>
            </w:r>
          </w:p>
        </w:tc>
        <w:tc>
          <w:tcPr>
            <w:tcW w:w="1269" w:type="dxa"/>
            <w:vAlign w:val="bottom"/>
          </w:tcPr>
          <w:p w14:paraId="6BA8A607" w14:textId="50670B22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40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90,96</w:t>
            </w:r>
          </w:p>
        </w:tc>
        <w:tc>
          <w:tcPr>
            <w:tcW w:w="1324" w:type="dxa"/>
            <w:vAlign w:val="bottom"/>
          </w:tcPr>
          <w:p w14:paraId="3FF65B1F" w14:textId="66117A71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32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716,41</w:t>
            </w:r>
          </w:p>
        </w:tc>
        <w:tc>
          <w:tcPr>
            <w:tcW w:w="1259" w:type="dxa"/>
            <w:vAlign w:val="bottom"/>
          </w:tcPr>
          <w:p w14:paraId="69128269" w14:textId="517D4D1A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49,64</w:t>
            </w:r>
          </w:p>
        </w:tc>
        <w:tc>
          <w:tcPr>
            <w:tcW w:w="1298" w:type="dxa"/>
          </w:tcPr>
          <w:p w14:paraId="0621E14C" w14:textId="6E185222" w:rsidR="00A23EE4" w:rsidRDefault="00A23EE4" w:rsidP="00D7746F">
            <w:pPr>
              <w:jc w:val="right"/>
            </w:pPr>
            <w:r>
              <w:t>-</w:t>
            </w:r>
          </w:p>
        </w:tc>
        <w:tc>
          <w:tcPr>
            <w:tcW w:w="1185" w:type="dxa"/>
          </w:tcPr>
          <w:p w14:paraId="0398974D" w14:textId="0AE9F8E9" w:rsidR="00A23EE4" w:rsidRDefault="00A23EE4" w:rsidP="00D7746F">
            <w:pPr>
              <w:jc w:val="right"/>
            </w:pPr>
            <w:r>
              <w:t>10 000</w:t>
            </w:r>
          </w:p>
        </w:tc>
      </w:tr>
      <w:tr w:rsidR="00A23EE4" w14:paraId="1F3A8D36" w14:textId="6FCC40F5" w:rsidTr="00771F97">
        <w:tc>
          <w:tcPr>
            <w:tcW w:w="1444" w:type="dxa"/>
          </w:tcPr>
          <w:p w14:paraId="377B727A" w14:textId="77777777" w:rsidR="00A23EE4" w:rsidRDefault="00A23EE4" w:rsidP="00A23EE4">
            <w:r>
              <w:t>EA</w:t>
            </w:r>
          </w:p>
        </w:tc>
        <w:tc>
          <w:tcPr>
            <w:tcW w:w="1283" w:type="dxa"/>
            <w:vAlign w:val="bottom"/>
          </w:tcPr>
          <w:p w14:paraId="15E38A5D" w14:textId="065BCF9A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5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406,62</w:t>
            </w:r>
          </w:p>
        </w:tc>
        <w:tc>
          <w:tcPr>
            <w:tcW w:w="1269" w:type="dxa"/>
            <w:vAlign w:val="bottom"/>
          </w:tcPr>
          <w:p w14:paraId="553FD5AB" w14:textId="7D12AC40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99,24</w:t>
            </w:r>
          </w:p>
        </w:tc>
        <w:tc>
          <w:tcPr>
            <w:tcW w:w="1324" w:type="dxa"/>
            <w:vAlign w:val="bottom"/>
          </w:tcPr>
          <w:p w14:paraId="0CF4F0B1" w14:textId="479324C8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799,54</w:t>
            </w:r>
          </w:p>
        </w:tc>
        <w:tc>
          <w:tcPr>
            <w:tcW w:w="1259" w:type="dxa"/>
            <w:vAlign w:val="bottom"/>
          </w:tcPr>
          <w:p w14:paraId="2BC27B89" w14:textId="1A33440B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83,85</w:t>
            </w:r>
          </w:p>
        </w:tc>
        <w:tc>
          <w:tcPr>
            <w:tcW w:w="1298" w:type="dxa"/>
          </w:tcPr>
          <w:p w14:paraId="5F0A0A50" w14:textId="6059B900" w:rsidR="00A23EE4" w:rsidRDefault="00A23EE4" w:rsidP="00D7746F">
            <w:pPr>
              <w:jc w:val="right"/>
            </w:pPr>
            <w:r>
              <w:t>3,42 s</w:t>
            </w:r>
          </w:p>
        </w:tc>
        <w:tc>
          <w:tcPr>
            <w:tcW w:w="1185" w:type="dxa"/>
          </w:tcPr>
          <w:p w14:paraId="09E4E620" w14:textId="7A53B795" w:rsidR="00A23EE4" w:rsidRDefault="00A23EE4" w:rsidP="00D7746F">
            <w:pPr>
              <w:jc w:val="right"/>
            </w:pPr>
            <w:r>
              <w:t>~113 000</w:t>
            </w:r>
          </w:p>
        </w:tc>
      </w:tr>
      <w:tr w:rsidR="00A23EE4" w14:paraId="606FBFB8" w14:textId="23C5734C" w:rsidTr="00771F97">
        <w:tc>
          <w:tcPr>
            <w:tcW w:w="1444" w:type="dxa"/>
          </w:tcPr>
          <w:p w14:paraId="2448048B" w14:textId="77777777" w:rsidR="00A23EE4" w:rsidRDefault="00A23EE4" w:rsidP="00A23EE4">
            <w:r>
              <w:t>TS</w:t>
            </w:r>
          </w:p>
        </w:tc>
        <w:tc>
          <w:tcPr>
            <w:tcW w:w="1283" w:type="dxa"/>
            <w:vAlign w:val="bottom"/>
          </w:tcPr>
          <w:p w14:paraId="79E31D9D" w14:textId="0B37EF2F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40,59</w:t>
            </w:r>
          </w:p>
        </w:tc>
        <w:tc>
          <w:tcPr>
            <w:tcW w:w="1269" w:type="dxa"/>
            <w:vAlign w:val="bottom"/>
          </w:tcPr>
          <w:p w14:paraId="18F3F710" w14:textId="5D0DFF94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611,79</w:t>
            </w:r>
          </w:p>
        </w:tc>
        <w:tc>
          <w:tcPr>
            <w:tcW w:w="1324" w:type="dxa"/>
            <w:vAlign w:val="bottom"/>
          </w:tcPr>
          <w:p w14:paraId="6259F15C" w14:textId="72F6DD6D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4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28,44</w:t>
            </w:r>
          </w:p>
        </w:tc>
        <w:tc>
          <w:tcPr>
            <w:tcW w:w="1259" w:type="dxa"/>
            <w:vAlign w:val="bottom"/>
          </w:tcPr>
          <w:p w14:paraId="2F8D3A61" w14:textId="3BC61FFB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251,74</w:t>
            </w:r>
          </w:p>
        </w:tc>
        <w:tc>
          <w:tcPr>
            <w:tcW w:w="1298" w:type="dxa"/>
          </w:tcPr>
          <w:p w14:paraId="58055A8D" w14:textId="49E55E20" w:rsidR="00A23EE4" w:rsidRDefault="00A23EE4" w:rsidP="00D7746F">
            <w:pPr>
              <w:jc w:val="right"/>
            </w:pPr>
            <w:r>
              <w:t>2,15 s</w:t>
            </w:r>
          </w:p>
        </w:tc>
        <w:tc>
          <w:tcPr>
            <w:tcW w:w="1185" w:type="dxa"/>
          </w:tcPr>
          <w:p w14:paraId="68E4F409" w14:textId="78B6C6B6" w:rsidR="00A23EE4" w:rsidRDefault="00A23EE4" w:rsidP="00D7746F">
            <w:pPr>
              <w:jc w:val="right"/>
            </w:pPr>
            <w:r>
              <w:t>50 000</w:t>
            </w:r>
          </w:p>
        </w:tc>
      </w:tr>
      <w:tr w:rsidR="00A23EE4" w14:paraId="53C08192" w14:textId="0AA08D72" w:rsidTr="0010622D">
        <w:tc>
          <w:tcPr>
            <w:tcW w:w="1444" w:type="dxa"/>
          </w:tcPr>
          <w:p w14:paraId="3A1AD048" w14:textId="77777777" w:rsidR="00A23EE4" w:rsidRDefault="00A23EE4" w:rsidP="00A23EE4">
            <w:r>
              <w:t>SA</w:t>
            </w:r>
          </w:p>
        </w:tc>
        <w:tc>
          <w:tcPr>
            <w:tcW w:w="1283" w:type="dxa"/>
            <w:shd w:val="clear" w:color="auto" w:fill="A8D08D" w:themeFill="accent6" w:themeFillTint="99"/>
            <w:vAlign w:val="bottom"/>
          </w:tcPr>
          <w:p w14:paraId="31B53D36" w14:textId="4F01F5D3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5</w:t>
            </w:r>
            <w:r w:rsidR="00B1184F">
              <w:rPr>
                <w:rFonts w:ascii="Calibri" w:hAnsi="Calibri" w:cs="Calibri"/>
                <w:color w:val="000000"/>
              </w:rPr>
              <w:t> </w:t>
            </w:r>
            <w:r>
              <w:rPr>
                <w:rFonts w:ascii="Calibri" w:hAnsi="Calibri" w:cs="Calibri"/>
                <w:color w:val="000000"/>
              </w:rPr>
              <w:t>660</w:t>
            </w:r>
            <w:r w:rsidR="00B1184F">
              <w:rPr>
                <w:rFonts w:ascii="Calibri" w:hAnsi="Calibri" w:cs="Calibri"/>
                <w:color w:val="000000"/>
              </w:rPr>
              <w:t>,00</w:t>
            </w:r>
          </w:p>
        </w:tc>
        <w:tc>
          <w:tcPr>
            <w:tcW w:w="1269" w:type="dxa"/>
            <w:shd w:val="clear" w:color="auto" w:fill="A8D08D" w:themeFill="accent6" w:themeFillTint="99"/>
            <w:vAlign w:val="bottom"/>
          </w:tcPr>
          <w:p w14:paraId="10FA1F68" w14:textId="1940912C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5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13,65</w:t>
            </w:r>
          </w:p>
        </w:tc>
        <w:tc>
          <w:tcPr>
            <w:tcW w:w="1324" w:type="dxa"/>
            <w:shd w:val="clear" w:color="auto" w:fill="A8D08D" w:themeFill="accent6" w:themeFillTint="99"/>
            <w:vAlign w:val="bottom"/>
          </w:tcPr>
          <w:p w14:paraId="669383A3" w14:textId="03999776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5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61,92</w:t>
            </w:r>
          </w:p>
        </w:tc>
        <w:tc>
          <w:tcPr>
            <w:tcW w:w="1259" w:type="dxa"/>
            <w:shd w:val="clear" w:color="auto" w:fill="A8D08D" w:themeFill="accent6" w:themeFillTint="99"/>
            <w:vAlign w:val="bottom"/>
          </w:tcPr>
          <w:p w14:paraId="442E0085" w14:textId="3AC5ACB0" w:rsidR="00A23EE4" w:rsidRDefault="00A23EE4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128,33</w:t>
            </w:r>
          </w:p>
        </w:tc>
        <w:tc>
          <w:tcPr>
            <w:tcW w:w="1298" w:type="dxa"/>
            <w:shd w:val="clear" w:color="auto" w:fill="A8D08D" w:themeFill="accent6" w:themeFillTint="99"/>
          </w:tcPr>
          <w:p w14:paraId="33D6D545" w14:textId="428BBB67" w:rsidR="00A23EE4" w:rsidRDefault="00A23EE4" w:rsidP="00D7746F">
            <w:pPr>
              <w:jc w:val="right"/>
            </w:pPr>
            <w:r>
              <w:t>2,02 s</w:t>
            </w:r>
          </w:p>
        </w:tc>
        <w:tc>
          <w:tcPr>
            <w:tcW w:w="1185" w:type="dxa"/>
          </w:tcPr>
          <w:p w14:paraId="4C5EF7C6" w14:textId="16F2306D" w:rsidR="00A23EE4" w:rsidRDefault="00A23EE4" w:rsidP="00D7746F">
            <w:pPr>
              <w:jc w:val="right"/>
            </w:pPr>
            <w:r>
              <w:t>75 000</w:t>
            </w:r>
          </w:p>
        </w:tc>
      </w:tr>
    </w:tbl>
    <w:p w14:paraId="1B379F26" w14:textId="77777777" w:rsidR="00A36D1D" w:rsidRPr="0003703F" w:rsidRDefault="00A36D1D" w:rsidP="00A36D1D"/>
    <w:p w14:paraId="2E0CAD09" w14:textId="0CCF551D" w:rsidR="00A36D1D" w:rsidRDefault="004034F9" w:rsidP="0003703F">
      <w:r>
        <w:t>Sytuacja dokładnie taka sama, jak w pliku Medium 2.</w:t>
      </w:r>
    </w:p>
    <w:p w14:paraId="3E2908EE" w14:textId="36FF4B81" w:rsidR="00A36D1D" w:rsidRDefault="00CD4FB7" w:rsidP="0003703F">
      <w:r>
        <w:rPr>
          <w:noProof/>
        </w:rPr>
        <w:lastRenderedPageBreak/>
        <mc:AlternateContent>
          <mc:Choice Requires="cx1">
            <w:drawing>
              <wp:inline distT="0" distB="0" distL="0" distR="0" wp14:anchorId="7B007425" wp14:editId="7BFA8BAB">
                <wp:extent cx="5760720" cy="4279900"/>
                <wp:effectExtent l="0" t="0" r="11430" b="6350"/>
                <wp:docPr id="8" name="Wykres 8">
                  <a:extLst xmlns:a="http://schemas.openxmlformats.org/drawingml/2006/main">
                    <a:ext uri="{FF2B5EF4-FFF2-40B4-BE49-F238E27FC236}">
                      <a16:creationId xmlns:a16="http://schemas.microsoft.com/office/drawing/2014/main" id="{6E3766DE-19E4-95CD-AE96-53DF34722694}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drawing/2014/chartex">
                    <cx:chart xmlns:cx="http://schemas.microsoft.com/office/drawing/2014/chartex" xmlns:r="http://schemas.openxmlformats.org/officeDocument/2006/relationships" r:id="rId11"/>
                  </a:graphicData>
                </a:graphic>
              </wp:inline>
            </w:drawing>
          </mc:Choice>
          <mc:Fallback>
            <w:drawing>
              <wp:inline distT="0" distB="0" distL="0" distR="0" wp14:anchorId="7B007425" wp14:editId="7BFA8BAB">
                <wp:extent cx="5760720" cy="4279900"/>
                <wp:effectExtent l="0" t="0" r="11430" b="6350"/>
                <wp:docPr id="8" name="Wykres 8">
                  <a:extLst xmlns:a="http://schemas.openxmlformats.org/drawingml/2006/main">
                    <a:ext uri="{FF2B5EF4-FFF2-40B4-BE49-F238E27FC236}">
                      <a16:creationId xmlns:a16="http://schemas.microsoft.com/office/drawing/2014/main" id="{6E3766DE-19E4-95CD-AE96-53DF34722694}"/>
                    </a:ext>
                  </a:extLst>
                </wp:docPr>
                <wp:cNvGraphicFramePr>
                  <a:graphicFrameLocks xmlns:a="http://schemas.openxmlformats.org/drawingml/2006/main" noGrp="1" noDrilldown="1" noSelect="1" noChangeAspect="1" noMove="1" noResize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8" name="Wykres 8">
                          <a:extLst>
                            <a:ext uri="{FF2B5EF4-FFF2-40B4-BE49-F238E27FC236}">
                              <a16:creationId xmlns:a16="http://schemas.microsoft.com/office/drawing/2014/main" id="{6E3766DE-19E4-95CD-AE96-53DF34722694}"/>
                            </a:ext>
                          </a:extLst>
                        </pic:cNvPr>
                        <pic:cNvPicPr>
                          <a:picLocks noGrp="1" noRot="1" noChangeAspect="1" noMove="1" noResize="1" noEditPoints="1" noAdjustHandles="1" noChangeArrowheads="1" noChangeShapeType="1"/>
                        </pic:cNvPicPr>
                      </pic:nvPicPr>
                      <pic:blipFill>
                        <a:blip r:embed="rId12"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5760720" cy="427990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mc:Fallback>
        </mc:AlternateContent>
      </w:r>
    </w:p>
    <w:p w14:paraId="2E0A263B" w14:textId="174C55CE" w:rsidR="00A36D1D" w:rsidRDefault="00A36D1D" w:rsidP="00A36D1D">
      <w:pPr>
        <w:pStyle w:val="Nagwek2"/>
      </w:pPr>
      <w:r>
        <w:t>Dane wejściowe Hard 4</w:t>
      </w:r>
    </w:p>
    <w:p w14:paraId="66847CFA" w14:textId="64D72ACF" w:rsidR="005B1CF8" w:rsidRDefault="00907A77" w:rsidP="005B1CF8">
      <w:r>
        <w:t>Przebieg konfiguracji:</w:t>
      </w:r>
    </w:p>
    <w:p w14:paraId="2D922922" w14:textId="2C8DF1B1" w:rsidR="00907A77" w:rsidRDefault="00907A77" w:rsidP="005B1CF8">
      <w:r>
        <w:t>EA:</w:t>
      </w:r>
      <w:r>
        <w:br/>
      </w:r>
      <w:r w:rsidR="00385C17">
        <w:t>Operatory i wartości krzyżowania i mutacji zostały takie same, jednak proces populacji branej do selekcji ruletkowej zmniejszył się do 1% ze wz</w:t>
      </w:r>
      <w:r w:rsidR="00CC4F10">
        <w:t xml:space="preserve">ględu za znaczny wzrost populacji. Liczbę generacji podniosłem do sugerowanego na początku </w:t>
      </w:r>
      <w:r w:rsidR="00F13D59">
        <w:t>kursu 1000, a populację do 2000</w:t>
      </w:r>
      <w:r w:rsidR="00BF04A4">
        <w:t>. Jest to też połączenie 2 konfiguracji testowanych na liście 1.</w:t>
      </w:r>
    </w:p>
    <w:p w14:paraId="68E652C6" w14:textId="654C0D1A" w:rsidR="00907A77" w:rsidRDefault="00907A77" w:rsidP="005B1CF8">
      <w:r>
        <w:t>TS:</w:t>
      </w:r>
      <w:r>
        <w:br/>
      </w:r>
      <w:r w:rsidR="003A277D">
        <w:t>Na początku badania zwiększyłem jedynie ilość generacji do 2000 i odpowiednio rozmiar Tabu do 400, żeby nadal odpowiadał 20%</w:t>
      </w:r>
      <w:r w:rsidR="00CF0340">
        <w:t xml:space="preserve"> generacji. Jednak wyniki znacznie odstawały od </w:t>
      </w:r>
      <w:r w:rsidR="00F267AC">
        <w:t xml:space="preserve">pozostałych heurystyk oraz od wyników </w:t>
      </w:r>
      <w:proofErr w:type="spellStart"/>
      <w:r w:rsidR="00F267AC">
        <w:t>Greedy</w:t>
      </w:r>
      <w:proofErr w:type="spellEnd"/>
      <w:r w:rsidR="00F267AC">
        <w:t xml:space="preserve">, a po wykresach można było wnioskować, że </w:t>
      </w:r>
      <w:r w:rsidR="00A17F04">
        <w:t xml:space="preserve">zwiększenie generacji nic nie da, bo już w tym ustawieniu pod koniec prawie nie było wzrostu. Zwiększyłem więc wielkość sąsiedztwa, początkowo do 75. </w:t>
      </w:r>
      <w:r w:rsidR="007F0CE2">
        <w:t xml:space="preserve">Po zauważeniu niewielkiego, ale zauważalnego wzrostu zwiększyłem ponownie do 100. Wtedy </w:t>
      </w:r>
      <w:r w:rsidR="0094671A">
        <w:t xml:space="preserve">postanowiłem jeszcze zwiększać liczbę sąsiedztwa. </w:t>
      </w:r>
      <w:r w:rsidR="001114B6">
        <w:t xml:space="preserve">Po kolei przetestowałem 150, 200, 250 i 300 sąsiadów, za każdym razem dostając lepsze wyniki. </w:t>
      </w:r>
      <w:r w:rsidR="0010754D">
        <w:t xml:space="preserve">Zatrzymałem się na 300 i nie szedłem dalej, ze względu na wysokie i porównywalne wyniki z pozostałymi heurystykami oraz </w:t>
      </w:r>
      <w:r w:rsidR="00E2522A">
        <w:t xml:space="preserve">algorytmem </w:t>
      </w:r>
      <w:proofErr w:type="spellStart"/>
      <w:r w:rsidR="00E2522A">
        <w:t>Greedy</w:t>
      </w:r>
      <w:proofErr w:type="spellEnd"/>
      <w:r w:rsidR="00E2522A">
        <w:t>.</w:t>
      </w:r>
    </w:p>
    <w:p w14:paraId="65B46D19" w14:textId="4E9E8B74" w:rsidR="00907A77" w:rsidRPr="005B1CF8" w:rsidRDefault="00907A77" w:rsidP="005B1CF8">
      <w:r>
        <w:t>SA:</w:t>
      </w:r>
      <w:r>
        <w:br/>
      </w:r>
      <w:r w:rsidR="00E331F1">
        <w:t>Na początku postanowiłem powrócić od ustawień z poprzedniej listy, czyli 10000 generacji, 25 sąsiedztwie, 50 000 T. początkowej i zostawiając 5 jako temperaturę końcową.</w:t>
      </w:r>
      <w:r w:rsidR="006739DA">
        <w:t xml:space="preserve"> Jednak wykres za szybko zbiegał i nie było widać </w:t>
      </w:r>
      <w:r w:rsidR="00E3208C">
        <w:t>wyników więc zwiększałem temperaturę testując wartości 100 000, 250 000, 400 000 i na końcu zostając przy 500 000.</w:t>
      </w:r>
      <w:r w:rsidR="00A722D2">
        <w:t xml:space="preserve"> </w:t>
      </w:r>
      <w:r w:rsidR="00F03393">
        <w:t xml:space="preserve">Obniżyło to trochę wartość wyników w ostatnich </w:t>
      </w:r>
      <w:r w:rsidR="00F03393">
        <w:lastRenderedPageBreak/>
        <w:t xml:space="preserve">generacjach, więc zwiększyłem ją do 12 500. </w:t>
      </w:r>
      <w:r w:rsidR="00683446">
        <w:t>Jednak wyniki nie były tak dobre jak w pozostałych heurystykach. Więc postanowiłem zwiększyć liczbę badanych osobników i zwiększyłem wielkość sąsiedztwa do 40 i liczbę generacji do 15 000, co dało już satysfakcjonujące wyniki.</w:t>
      </w:r>
    </w:p>
    <w:tbl>
      <w:tblPr>
        <w:tblStyle w:val="Tabela-Siatka"/>
        <w:tblpPr w:leftFromText="141" w:rightFromText="141" w:vertAnchor="text" w:horzAnchor="margin" w:tblpXSpec="center" w:tblpY="488"/>
        <w:tblW w:w="10348" w:type="dxa"/>
        <w:tblLook w:val="04A0" w:firstRow="1" w:lastRow="0" w:firstColumn="1" w:lastColumn="0" w:noHBand="0" w:noVBand="1"/>
      </w:tblPr>
      <w:tblGrid>
        <w:gridCol w:w="1701"/>
        <w:gridCol w:w="1418"/>
        <w:gridCol w:w="425"/>
        <w:gridCol w:w="1701"/>
        <w:gridCol w:w="1417"/>
        <w:gridCol w:w="426"/>
        <w:gridCol w:w="1984"/>
        <w:gridCol w:w="1276"/>
      </w:tblGrid>
      <w:tr w:rsidR="00A36D1D" w14:paraId="1C3C11BD" w14:textId="77777777" w:rsidTr="00077D86">
        <w:trPr>
          <w:trHeight w:val="336"/>
        </w:trPr>
        <w:tc>
          <w:tcPr>
            <w:tcW w:w="1701" w:type="dxa"/>
            <w:shd w:val="clear" w:color="auto" w:fill="B4C6E7" w:themeFill="accent1" w:themeFillTint="66"/>
          </w:tcPr>
          <w:p w14:paraId="56697C33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418" w:type="dxa"/>
            <w:shd w:val="clear" w:color="auto" w:fill="B4C6E7" w:themeFill="accent1" w:themeFillTint="66"/>
          </w:tcPr>
          <w:p w14:paraId="27CE9768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EA</w:t>
            </w:r>
          </w:p>
        </w:tc>
        <w:tc>
          <w:tcPr>
            <w:tcW w:w="425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3B933351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701" w:type="dxa"/>
            <w:shd w:val="clear" w:color="auto" w:fill="B4C6E7" w:themeFill="accent1" w:themeFillTint="66"/>
          </w:tcPr>
          <w:p w14:paraId="19248FA8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 xml:space="preserve">Dane </w:t>
            </w:r>
          </w:p>
        </w:tc>
        <w:tc>
          <w:tcPr>
            <w:tcW w:w="1417" w:type="dxa"/>
            <w:shd w:val="clear" w:color="auto" w:fill="B4C6E7" w:themeFill="accent1" w:themeFillTint="66"/>
          </w:tcPr>
          <w:p w14:paraId="2AA7E2B8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TS</w:t>
            </w:r>
          </w:p>
        </w:tc>
        <w:tc>
          <w:tcPr>
            <w:tcW w:w="426" w:type="dxa"/>
            <w:tcBorders>
              <w:top w:val="nil"/>
              <w:bottom w:val="nil"/>
            </w:tcBorders>
            <w:shd w:val="clear" w:color="auto" w:fill="FFFFFF" w:themeFill="background1"/>
          </w:tcPr>
          <w:p w14:paraId="05B179A6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</w:p>
        </w:tc>
        <w:tc>
          <w:tcPr>
            <w:tcW w:w="1984" w:type="dxa"/>
            <w:shd w:val="clear" w:color="auto" w:fill="B4C6E7" w:themeFill="accent1" w:themeFillTint="66"/>
          </w:tcPr>
          <w:p w14:paraId="04948FC1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Dane</w:t>
            </w:r>
          </w:p>
        </w:tc>
        <w:tc>
          <w:tcPr>
            <w:tcW w:w="1276" w:type="dxa"/>
            <w:shd w:val="clear" w:color="auto" w:fill="B4C6E7" w:themeFill="accent1" w:themeFillTint="66"/>
          </w:tcPr>
          <w:p w14:paraId="525B864D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A</w:t>
            </w:r>
          </w:p>
        </w:tc>
      </w:tr>
      <w:tr w:rsidR="00A36D1D" w14:paraId="71670AF7" w14:textId="77777777" w:rsidTr="00077D86">
        <w:tc>
          <w:tcPr>
            <w:tcW w:w="1701" w:type="dxa"/>
          </w:tcPr>
          <w:p w14:paraId="47814A5D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8" w:type="dxa"/>
          </w:tcPr>
          <w:p w14:paraId="460EAF4C" w14:textId="3DB6E382" w:rsidR="00A36D1D" w:rsidRDefault="009C5D20" w:rsidP="00077D86">
            <w:r>
              <w:t>1 0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3C67C476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701" w:type="dxa"/>
          </w:tcPr>
          <w:p w14:paraId="73E8B223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417" w:type="dxa"/>
          </w:tcPr>
          <w:p w14:paraId="4106EFA9" w14:textId="6B91E5BE" w:rsidR="00A36D1D" w:rsidRDefault="009C5D20" w:rsidP="00077D86">
            <w:pPr>
              <w:spacing w:line="259" w:lineRule="auto"/>
            </w:pPr>
            <w:r>
              <w:t>2 0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4225057B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984" w:type="dxa"/>
          </w:tcPr>
          <w:p w14:paraId="2150066B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Generacje</w:t>
            </w:r>
          </w:p>
        </w:tc>
        <w:tc>
          <w:tcPr>
            <w:tcW w:w="1276" w:type="dxa"/>
          </w:tcPr>
          <w:p w14:paraId="1612FC55" w14:textId="7D5ACE3B" w:rsidR="00A36D1D" w:rsidRDefault="00B6315E" w:rsidP="00077D86">
            <w:pPr>
              <w:spacing w:line="259" w:lineRule="auto"/>
            </w:pPr>
            <w:r>
              <w:t>15 000</w:t>
            </w:r>
          </w:p>
        </w:tc>
      </w:tr>
      <w:tr w:rsidR="00A36D1D" w14:paraId="2DE302BD" w14:textId="77777777" w:rsidTr="00077D86">
        <w:tc>
          <w:tcPr>
            <w:tcW w:w="1701" w:type="dxa"/>
          </w:tcPr>
          <w:p w14:paraId="191C8784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Populacja</w:t>
            </w:r>
          </w:p>
        </w:tc>
        <w:tc>
          <w:tcPr>
            <w:tcW w:w="1418" w:type="dxa"/>
          </w:tcPr>
          <w:p w14:paraId="76878813" w14:textId="2330D8B9" w:rsidR="00A36D1D" w:rsidRDefault="009C5D20" w:rsidP="00077D86">
            <w:r>
              <w:t>2 000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487C38CA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701" w:type="dxa"/>
          </w:tcPr>
          <w:p w14:paraId="609B68D5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417" w:type="dxa"/>
          </w:tcPr>
          <w:p w14:paraId="4511B036" w14:textId="0CDBF142" w:rsidR="00A36D1D" w:rsidRDefault="009C5D20" w:rsidP="00077D86">
            <w:pPr>
              <w:spacing w:line="259" w:lineRule="auto"/>
            </w:pPr>
            <w:r>
              <w:t>3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52A1D29F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984" w:type="dxa"/>
          </w:tcPr>
          <w:p w14:paraId="2519F0C9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Sąsiedztwo</w:t>
            </w:r>
          </w:p>
        </w:tc>
        <w:tc>
          <w:tcPr>
            <w:tcW w:w="1276" w:type="dxa"/>
          </w:tcPr>
          <w:p w14:paraId="6F370C62" w14:textId="173E3DFE" w:rsidR="00A36D1D" w:rsidRDefault="00B6315E" w:rsidP="00077D86">
            <w:pPr>
              <w:spacing w:line="259" w:lineRule="auto"/>
            </w:pPr>
            <w:r>
              <w:t>40</w:t>
            </w:r>
          </w:p>
        </w:tc>
      </w:tr>
      <w:tr w:rsidR="00A36D1D" w14:paraId="53570EA4" w14:textId="77777777" w:rsidTr="00077D86">
        <w:tc>
          <w:tcPr>
            <w:tcW w:w="1701" w:type="dxa"/>
          </w:tcPr>
          <w:p w14:paraId="78ECDF4E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Selekcja</w:t>
            </w:r>
          </w:p>
        </w:tc>
        <w:tc>
          <w:tcPr>
            <w:tcW w:w="1418" w:type="dxa"/>
          </w:tcPr>
          <w:p w14:paraId="323F9A97" w14:textId="011740EC" w:rsidR="00A36D1D" w:rsidRDefault="00A36D1D" w:rsidP="00077D86">
            <w:r>
              <w:t>Turniej</w:t>
            </w:r>
            <w:r w:rsidR="009C5D20">
              <w:t>, 1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4D1A5205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701" w:type="dxa"/>
          </w:tcPr>
          <w:p w14:paraId="05C96861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Rozmiar Tabu</w:t>
            </w:r>
          </w:p>
        </w:tc>
        <w:tc>
          <w:tcPr>
            <w:tcW w:w="1417" w:type="dxa"/>
          </w:tcPr>
          <w:p w14:paraId="1AB60D8F" w14:textId="579186D6" w:rsidR="00A36D1D" w:rsidRDefault="00AC574A" w:rsidP="00077D86">
            <w:pPr>
              <w:spacing w:line="259" w:lineRule="auto"/>
            </w:pPr>
            <w:r>
              <w:t>400</w:t>
            </w:r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5532E2E4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984" w:type="dxa"/>
          </w:tcPr>
          <w:p w14:paraId="1C372AA8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początkowa</w:t>
            </w:r>
          </w:p>
        </w:tc>
        <w:tc>
          <w:tcPr>
            <w:tcW w:w="1276" w:type="dxa"/>
          </w:tcPr>
          <w:p w14:paraId="0B6C431B" w14:textId="547FCAD8" w:rsidR="00A36D1D" w:rsidRDefault="00AC574A" w:rsidP="00077D86">
            <w:pPr>
              <w:spacing w:line="259" w:lineRule="auto"/>
            </w:pPr>
            <w:r>
              <w:t>500 000</w:t>
            </w:r>
          </w:p>
        </w:tc>
      </w:tr>
      <w:tr w:rsidR="00A36D1D" w14:paraId="3ECFED59" w14:textId="77777777" w:rsidTr="00077D86">
        <w:tc>
          <w:tcPr>
            <w:tcW w:w="1701" w:type="dxa"/>
          </w:tcPr>
          <w:p w14:paraId="4DD98D62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Krzyżowanie</w:t>
            </w:r>
          </w:p>
        </w:tc>
        <w:tc>
          <w:tcPr>
            <w:tcW w:w="1418" w:type="dxa"/>
          </w:tcPr>
          <w:p w14:paraId="2E11C058" w14:textId="3B81938E" w:rsidR="00A36D1D" w:rsidRDefault="00A36D1D" w:rsidP="00077D86">
            <w:r>
              <w:t>OX</w:t>
            </w:r>
            <w:r w:rsidR="009C5D20">
              <w:t>, 70%</w:t>
            </w:r>
          </w:p>
        </w:tc>
        <w:tc>
          <w:tcPr>
            <w:tcW w:w="425" w:type="dxa"/>
            <w:tcBorders>
              <w:top w:val="nil"/>
              <w:bottom w:val="nil"/>
            </w:tcBorders>
          </w:tcPr>
          <w:p w14:paraId="7A0CBE57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701" w:type="dxa"/>
            <w:tcBorders>
              <w:bottom w:val="single" w:sz="4" w:space="0" w:color="auto"/>
            </w:tcBorders>
          </w:tcPr>
          <w:p w14:paraId="55EF0FA8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7" w:type="dxa"/>
            <w:tcBorders>
              <w:bottom w:val="single" w:sz="4" w:space="0" w:color="auto"/>
            </w:tcBorders>
          </w:tcPr>
          <w:p w14:paraId="4F388A34" w14:textId="77777777" w:rsidR="00A36D1D" w:rsidRDefault="00A36D1D" w:rsidP="00077D86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  <w:tc>
          <w:tcPr>
            <w:tcW w:w="426" w:type="dxa"/>
            <w:tcBorders>
              <w:top w:val="nil"/>
              <w:bottom w:val="nil"/>
            </w:tcBorders>
          </w:tcPr>
          <w:p w14:paraId="471AD57E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984" w:type="dxa"/>
          </w:tcPr>
          <w:p w14:paraId="6B7D0C20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>
              <w:rPr>
                <w:b/>
                <w:bCs/>
              </w:rPr>
              <w:t>T. końcowa</w:t>
            </w:r>
            <w:r w:rsidRPr="009800FE">
              <w:rPr>
                <w:b/>
                <w:bCs/>
              </w:rPr>
              <w:t xml:space="preserve"> </w:t>
            </w:r>
          </w:p>
        </w:tc>
        <w:tc>
          <w:tcPr>
            <w:tcW w:w="1276" w:type="dxa"/>
          </w:tcPr>
          <w:p w14:paraId="37472129" w14:textId="4595A3C9" w:rsidR="00A36D1D" w:rsidRDefault="00AC574A" w:rsidP="00077D86">
            <w:pPr>
              <w:spacing w:line="259" w:lineRule="auto"/>
            </w:pPr>
            <w:r>
              <w:t>5</w:t>
            </w:r>
          </w:p>
        </w:tc>
      </w:tr>
      <w:tr w:rsidR="00A36D1D" w14:paraId="6C5E8431" w14:textId="77777777" w:rsidTr="00077D86">
        <w:tc>
          <w:tcPr>
            <w:tcW w:w="1701" w:type="dxa"/>
            <w:tcBorders>
              <w:bottom w:val="single" w:sz="4" w:space="0" w:color="auto"/>
            </w:tcBorders>
          </w:tcPr>
          <w:p w14:paraId="49D145CD" w14:textId="77777777" w:rsidR="00A36D1D" w:rsidRPr="009800FE" w:rsidRDefault="00A36D1D" w:rsidP="00077D86">
            <w:pPr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418" w:type="dxa"/>
            <w:tcBorders>
              <w:bottom w:val="single" w:sz="4" w:space="0" w:color="auto"/>
            </w:tcBorders>
          </w:tcPr>
          <w:p w14:paraId="7C6F9479" w14:textId="5F0710F2" w:rsidR="00A36D1D" w:rsidRDefault="00A36D1D" w:rsidP="00077D86">
            <w:proofErr w:type="spellStart"/>
            <w:r>
              <w:t>Inverse</w:t>
            </w:r>
            <w:proofErr w:type="spellEnd"/>
            <w:r w:rsidR="009C5D20">
              <w:t>, 15%</w:t>
            </w:r>
          </w:p>
        </w:tc>
        <w:tc>
          <w:tcPr>
            <w:tcW w:w="425" w:type="dxa"/>
            <w:tcBorders>
              <w:top w:val="nil"/>
              <w:bottom w:val="nil"/>
              <w:right w:val="nil"/>
            </w:tcBorders>
          </w:tcPr>
          <w:p w14:paraId="5F9FDF57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701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1347F057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417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49DBE404" w14:textId="77777777" w:rsidR="00A36D1D" w:rsidRDefault="00A36D1D" w:rsidP="00077D86">
            <w:pPr>
              <w:spacing w:line="259" w:lineRule="auto"/>
            </w:pPr>
          </w:p>
        </w:tc>
        <w:tc>
          <w:tcPr>
            <w:tcW w:w="426" w:type="dxa"/>
            <w:tcBorders>
              <w:top w:val="nil"/>
              <w:left w:val="nil"/>
              <w:bottom w:val="nil"/>
            </w:tcBorders>
          </w:tcPr>
          <w:p w14:paraId="13C73FF4" w14:textId="77777777" w:rsidR="00A36D1D" w:rsidRDefault="00A36D1D" w:rsidP="00077D86">
            <w:pPr>
              <w:spacing w:line="259" w:lineRule="auto"/>
            </w:pPr>
          </w:p>
        </w:tc>
        <w:tc>
          <w:tcPr>
            <w:tcW w:w="1984" w:type="dxa"/>
            <w:tcBorders>
              <w:bottom w:val="single" w:sz="4" w:space="0" w:color="auto"/>
            </w:tcBorders>
          </w:tcPr>
          <w:p w14:paraId="5DED2697" w14:textId="77777777" w:rsidR="00A36D1D" w:rsidRPr="009800FE" w:rsidRDefault="00A36D1D" w:rsidP="00077D86">
            <w:pPr>
              <w:spacing w:line="259" w:lineRule="auto"/>
              <w:rPr>
                <w:b/>
                <w:bCs/>
              </w:rPr>
            </w:pPr>
            <w:r w:rsidRPr="009800FE">
              <w:rPr>
                <w:b/>
                <w:bCs/>
              </w:rPr>
              <w:t>Mutacja</w:t>
            </w:r>
          </w:p>
        </w:tc>
        <w:tc>
          <w:tcPr>
            <w:tcW w:w="1276" w:type="dxa"/>
            <w:tcBorders>
              <w:bottom w:val="single" w:sz="4" w:space="0" w:color="auto"/>
            </w:tcBorders>
          </w:tcPr>
          <w:p w14:paraId="6DEE5C79" w14:textId="77777777" w:rsidR="00A36D1D" w:rsidRDefault="00A36D1D" w:rsidP="00077D86">
            <w:pPr>
              <w:spacing w:line="259" w:lineRule="auto"/>
            </w:pPr>
            <w:proofErr w:type="spellStart"/>
            <w:r>
              <w:t>Inverse</w:t>
            </w:r>
            <w:proofErr w:type="spellEnd"/>
          </w:p>
        </w:tc>
      </w:tr>
    </w:tbl>
    <w:p w14:paraId="01023DEC" w14:textId="77777777" w:rsidR="00A36D1D" w:rsidRDefault="00A36D1D" w:rsidP="00A36D1D">
      <w:r>
        <w:t xml:space="preserve"> Tabela konfiguracji</w:t>
      </w:r>
    </w:p>
    <w:p w14:paraId="4E0E2C6C" w14:textId="77777777" w:rsidR="00A36D1D" w:rsidRDefault="00A36D1D" w:rsidP="00A36D1D"/>
    <w:tbl>
      <w:tblPr>
        <w:tblStyle w:val="Tabela-Siatka"/>
        <w:tblW w:w="0" w:type="auto"/>
        <w:tblInd w:w="-572" w:type="dxa"/>
        <w:tblLook w:val="04A0" w:firstRow="1" w:lastRow="0" w:firstColumn="1" w:lastColumn="0" w:noHBand="0" w:noVBand="1"/>
      </w:tblPr>
      <w:tblGrid>
        <w:gridCol w:w="1418"/>
        <w:gridCol w:w="1559"/>
        <w:gridCol w:w="1554"/>
        <w:gridCol w:w="1565"/>
        <w:gridCol w:w="1275"/>
        <w:gridCol w:w="997"/>
        <w:gridCol w:w="1266"/>
      </w:tblGrid>
      <w:tr w:rsidR="00305119" w14:paraId="59829D37" w14:textId="42E81A40" w:rsidTr="00305119">
        <w:tc>
          <w:tcPr>
            <w:tcW w:w="1418" w:type="dxa"/>
            <w:shd w:val="clear" w:color="auto" w:fill="B4C6E7" w:themeFill="accent1" w:themeFillTint="66"/>
          </w:tcPr>
          <w:p w14:paraId="59A80EDA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Heurystyka</w:t>
            </w:r>
          </w:p>
        </w:tc>
        <w:tc>
          <w:tcPr>
            <w:tcW w:w="1559" w:type="dxa"/>
            <w:shd w:val="clear" w:color="auto" w:fill="B4C6E7" w:themeFill="accent1" w:themeFillTint="66"/>
          </w:tcPr>
          <w:p w14:paraId="1F4EB590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Best</w:t>
            </w:r>
          </w:p>
        </w:tc>
        <w:tc>
          <w:tcPr>
            <w:tcW w:w="1554" w:type="dxa"/>
            <w:shd w:val="clear" w:color="auto" w:fill="B4C6E7" w:themeFill="accent1" w:themeFillTint="66"/>
          </w:tcPr>
          <w:p w14:paraId="29980C29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Avg</w:t>
            </w:r>
            <w:proofErr w:type="spellEnd"/>
          </w:p>
        </w:tc>
        <w:tc>
          <w:tcPr>
            <w:tcW w:w="1565" w:type="dxa"/>
            <w:shd w:val="clear" w:color="auto" w:fill="B4C6E7" w:themeFill="accent1" w:themeFillTint="66"/>
          </w:tcPr>
          <w:p w14:paraId="4917593C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Worst</w:t>
            </w:r>
            <w:proofErr w:type="spellEnd"/>
          </w:p>
        </w:tc>
        <w:tc>
          <w:tcPr>
            <w:tcW w:w="1275" w:type="dxa"/>
            <w:shd w:val="clear" w:color="auto" w:fill="B4C6E7" w:themeFill="accent1" w:themeFillTint="66"/>
          </w:tcPr>
          <w:p w14:paraId="1FC7328F" w14:textId="77777777" w:rsidR="00A5471C" w:rsidRPr="00452375" w:rsidRDefault="00A5471C" w:rsidP="00077D86">
            <w:pPr>
              <w:rPr>
                <w:b/>
                <w:bCs/>
              </w:rPr>
            </w:pPr>
            <w:proofErr w:type="spellStart"/>
            <w:r w:rsidRPr="00452375">
              <w:rPr>
                <w:b/>
                <w:bCs/>
              </w:rPr>
              <w:t>Std</w:t>
            </w:r>
            <w:proofErr w:type="spellEnd"/>
          </w:p>
        </w:tc>
        <w:tc>
          <w:tcPr>
            <w:tcW w:w="997" w:type="dxa"/>
            <w:shd w:val="clear" w:color="auto" w:fill="B4C6E7" w:themeFill="accent1" w:themeFillTint="66"/>
          </w:tcPr>
          <w:p w14:paraId="37EB50AC" w14:textId="77777777" w:rsidR="00A5471C" w:rsidRPr="00452375" w:rsidRDefault="00A5471C" w:rsidP="00077D86">
            <w:pPr>
              <w:rPr>
                <w:b/>
                <w:bCs/>
              </w:rPr>
            </w:pPr>
            <w:r w:rsidRPr="00452375">
              <w:rPr>
                <w:b/>
                <w:bCs/>
              </w:rPr>
              <w:t>Time</w:t>
            </w:r>
          </w:p>
        </w:tc>
        <w:tc>
          <w:tcPr>
            <w:tcW w:w="1266" w:type="dxa"/>
            <w:shd w:val="clear" w:color="auto" w:fill="B4C6E7" w:themeFill="accent1" w:themeFillTint="66"/>
          </w:tcPr>
          <w:p w14:paraId="5D43EDBA" w14:textId="60837C2E" w:rsidR="00A5471C" w:rsidRPr="00452375" w:rsidRDefault="00A5471C" w:rsidP="00077D86">
            <w:pPr>
              <w:rPr>
                <w:b/>
                <w:bCs/>
              </w:rPr>
            </w:pPr>
            <w:r>
              <w:rPr>
                <w:b/>
                <w:bCs/>
              </w:rPr>
              <w:t>Urodzenia</w:t>
            </w:r>
          </w:p>
        </w:tc>
      </w:tr>
      <w:tr w:rsidR="00305119" w14:paraId="2A793013" w14:textId="46341FD8" w:rsidTr="00C22727">
        <w:tc>
          <w:tcPr>
            <w:tcW w:w="1418" w:type="dxa"/>
          </w:tcPr>
          <w:p w14:paraId="02D632CE" w14:textId="77777777" w:rsidR="00787BB8" w:rsidRDefault="00787BB8" w:rsidP="00787BB8">
            <w:proofErr w:type="spellStart"/>
            <w:r>
              <w:t>Greedy</w:t>
            </w:r>
            <w:proofErr w:type="spellEnd"/>
          </w:p>
        </w:tc>
        <w:tc>
          <w:tcPr>
            <w:tcW w:w="1559" w:type="dxa"/>
            <w:shd w:val="clear" w:color="auto" w:fill="A8D08D" w:themeFill="accent6" w:themeFillTint="99"/>
            <w:vAlign w:val="bottom"/>
          </w:tcPr>
          <w:p w14:paraId="6E67CAEC" w14:textId="5FA08D4B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31</w:t>
            </w:r>
            <w:r w:rsidR="005B0265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423,2</w:t>
            </w:r>
            <w:r w:rsidR="00305119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554" w:type="dxa"/>
            <w:shd w:val="clear" w:color="auto" w:fill="FFFFFF" w:themeFill="background1"/>
            <w:vAlign w:val="bottom"/>
          </w:tcPr>
          <w:p w14:paraId="1EE0A185" w14:textId="0EBC0F38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427</w:t>
            </w:r>
            <w:r w:rsidR="005B0265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806,3</w:t>
            </w:r>
            <w:r w:rsidR="000428E9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565" w:type="dxa"/>
            <w:shd w:val="clear" w:color="auto" w:fill="FFFFFF" w:themeFill="background1"/>
            <w:vAlign w:val="bottom"/>
          </w:tcPr>
          <w:p w14:paraId="2AA1375F" w14:textId="390843FF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315</w:t>
            </w:r>
            <w:r w:rsidR="000428E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435,05</w:t>
            </w:r>
          </w:p>
        </w:tc>
        <w:tc>
          <w:tcPr>
            <w:tcW w:w="1275" w:type="dxa"/>
            <w:shd w:val="clear" w:color="auto" w:fill="FFFFFF" w:themeFill="background1"/>
            <w:vAlign w:val="bottom"/>
          </w:tcPr>
          <w:p w14:paraId="05D5F901" w14:textId="4F03BF54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6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08,69</w:t>
            </w:r>
          </w:p>
        </w:tc>
        <w:tc>
          <w:tcPr>
            <w:tcW w:w="997" w:type="dxa"/>
          </w:tcPr>
          <w:p w14:paraId="7CBE4565" w14:textId="3613E6E7" w:rsidR="00787BB8" w:rsidRDefault="00787BB8" w:rsidP="00D7746F">
            <w:pPr>
              <w:jc w:val="right"/>
            </w:pPr>
            <w:r>
              <w:t>-</w:t>
            </w:r>
          </w:p>
        </w:tc>
        <w:tc>
          <w:tcPr>
            <w:tcW w:w="1266" w:type="dxa"/>
          </w:tcPr>
          <w:p w14:paraId="58B66BDF" w14:textId="3E50DF35" w:rsidR="00787BB8" w:rsidRDefault="00787BB8" w:rsidP="00D7746F">
            <w:pPr>
              <w:jc w:val="right"/>
            </w:pPr>
            <w:r>
              <w:t>439</w:t>
            </w:r>
          </w:p>
        </w:tc>
      </w:tr>
      <w:tr w:rsidR="00305119" w14:paraId="6845A71C" w14:textId="50C7D25F" w:rsidTr="00C22727">
        <w:tc>
          <w:tcPr>
            <w:tcW w:w="1418" w:type="dxa"/>
          </w:tcPr>
          <w:p w14:paraId="06361076" w14:textId="77777777" w:rsidR="00787BB8" w:rsidRDefault="00787BB8" w:rsidP="00787BB8">
            <w:proofErr w:type="spellStart"/>
            <w:r>
              <w:t>Random</w:t>
            </w:r>
            <w:proofErr w:type="spellEnd"/>
          </w:p>
        </w:tc>
        <w:tc>
          <w:tcPr>
            <w:tcW w:w="1559" w:type="dxa"/>
            <w:shd w:val="clear" w:color="auto" w:fill="FFFFFF" w:themeFill="background1"/>
            <w:vAlign w:val="bottom"/>
          </w:tcPr>
          <w:p w14:paraId="63224440" w14:textId="030CC3D3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7</w:t>
            </w:r>
            <w:r w:rsidR="0030511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37</w:t>
            </w:r>
            <w:r w:rsidR="0030511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734</w:t>
            </w:r>
            <w:r w:rsidR="00305119">
              <w:rPr>
                <w:rFonts w:ascii="Calibri" w:hAnsi="Calibri" w:cs="Calibri"/>
                <w:color w:val="000000"/>
              </w:rPr>
              <w:t>,00</w:t>
            </w:r>
          </w:p>
        </w:tc>
        <w:tc>
          <w:tcPr>
            <w:tcW w:w="1554" w:type="dxa"/>
            <w:shd w:val="clear" w:color="auto" w:fill="FFFFFF" w:themeFill="background1"/>
            <w:vAlign w:val="bottom"/>
          </w:tcPr>
          <w:p w14:paraId="34A12CBC" w14:textId="42EB6963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9</w:t>
            </w:r>
            <w:r w:rsidR="000428E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49</w:t>
            </w:r>
            <w:r w:rsidR="000428E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325</w:t>
            </w:r>
            <w:r w:rsidR="000428E9">
              <w:rPr>
                <w:rFonts w:ascii="Calibri" w:hAnsi="Calibri" w:cs="Calibri"/>
                <w:color w:val="000000"/>
              </w:rPr>
              <w:t>,00</w:t>
            </w:r>
          </w:p>
        </w:tc>
        <w:tc>
          <w:tcPr>
            <w:tcW w:w="1565" w:type="dxa"/>
            <w:shd w:val="clear" w:color="auto" w:fill="FFFFFF" w:themeFill="background1"/>
            <w:vAlign w:val="bottom"/>
          </w:tcPr>
          <w:p w14:paraId="263DE7D7" w14:textId="1D82EF0B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-10</w:t>
            </w:r>
            <w:r w:rsidR="000428E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05</w:t>
            </w:r>
            <w:r w:rsidR="000428E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904,31</w:t>
            </w:r>
          </w:p>
        </w:tc>
        <w:tc>
          <w:tcPr>
            <w:tcW w:w="1275" w:type="dxa"/>
            <w:shd w:val="clear" w:color="auto" w:fill="FFFFFF" w:themeFill="background1"/>
            <w:vAlign w:val="bottom"/>
          </w:tcPr>
          <w:p w14:paraId="2FF3D7C8" w14:textId="4F695016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346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066,3</w:t>
            </w:r>
          </w:p>
        </w:tc>
        <w:tc>
          <w:tcPr>
            <w:tcW w:w="997" w:type="dxa"/>
          </w:tcPr>
          <w:p w14:paraId="38A9E1BB" w14:textId="348DEBD5" w:rsidR="00787BB8" w:rsidRDefault="00787BB8" w:rsidP="00D7746F">
            <w:pPr>
              <w:jc w:val="right"/>
            </w:pPr>
            <w:r>
              <w:t>-</w:t>
            </w:r>
          </w:p>
        </w:tc>
        <w:tc>
          <w:tcPr>
            <w:tcW w:w="1266" w:type="dxa"/>
          </w:tcPr>
          <w:p w14:paraId="1CDE752F" w14:textId="368C2F82" w:rsidR="00787BB8" w:rsidRDefault="00787BB8" w:rsidP="00D7746F">
            <w:pPr>
              <w:jc w:val="right"/>
            </w:pPr>
            <w:r>
              <w:t>10 000</w:t>
            </w:r>
          </w:p>
        </w:tc>
      </w:tr>
      <w:tr w:rsidR="00305119" w14:paraId="727A5B09" w14:textId="58D885BA" w:rsidTr="00C22727">
        <w:tc>
          <w:tcPr>
            <w:tcW w:w="1418" w:type="dxa"/>
          </w:tcPr>
          <w:p w14:paraId="5328D7C1" w14:textId="77777777" w:rsidR="00787BB8" w:rsidRDefault="00787BB8" w:rsidP="00787BB8">
            <w:r>
              <w:t>EA</w:t>
            </w:r>
          </w:p>
        </w:tc>
        <w:tc>
          <w:tcPr>
            <w:tcW w:w="1559" w:type="dxa"/>
            <w:shd w:val="clear" w:color="auto" w:fill="FFFFFF" w:themeFill="background1"/>
            <w:vAlign w:val="bottom"/>
          </w:tcPr>
          <w:p w14:paraId="60E9E73F" w14:textId="304C2E8E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71</w:t>
            </w:r>
            <w:r w:rsidR="0030511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639,1</w:t>
            </w:r>
            <w:r w:rsidR="00305119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554" w:type="dxa"/>
            <w:shd w:val="clear" w:color="auto" w:fill="FFFFFF" w:themeFill="background1"/>
            <w:vAlign w:val="bottom"/>
          </w:tcPr>
          <w:p w14:paraId="08593774" w14:textId="206C38A8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27</w:t>
            </w:r>
            <w:r w:rsidR="000428E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66,8</w:t>
            </w:r>
            <w:r w:rsidR="000428E9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565" w:type="dxa"/>
            <w:shd w:val="clear" w:color="auto" w:fill="FFFFFF" w:themeFill="background1"/>
            <w:vAlign w:val="bottom"/>
          </w:tcPr>
          <w:p w14:paraId="61B10F44" w14:textId="24E78E98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450</w:t>
            </w:r>
            <w:r w:rsidR="000428E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692,70</w:t>
            </w:r>
          </w:p>
        </w:tc>
        <w:tc>
          <w:tcPr>
            <w:tcW w:w="1275" w:type="dxa"/>
            <w:shd w:val="clear" w:color="auto" w:fill="FFFFFF" w:themeFill="background1"/>
            <w:vAlign w:val="bottom"/>
          </w:tcPr>
          <w:p w14:paraId="60A39165" w14:textId="163235FC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31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793,46</w:t>
            </w:r>
          </w:p>
        </w:tc>
        <w:tc>
          <w:tcPr>
            <w:tcW w:w="997" w:type="dxa"/>
            <w:shd w:val="clear" w:color="auto" w:fill="FFFFFF" w:themeFill="background1"/>
          </w:tcPr>
          <w:p w14:paraId="7E0DCCE5" w14:textId="3ACB619F" w:rsidR="00787BB8" w:rsidRDefault="0071148C" w:rsidP="00D7746F">
            <w:pPr>
              <w:jc w:val="right"/>
            </w:pPr>
            <w:r>
              <w:t>414,49 s</w:t>
            </w:r>
          </w:p>
        </w:tc>
        <w:tc>
          <w:tcPr>
            <w:tcW w:w="1266" w:type="dxa"/>
          </w:tcPr>
          <w:p w14:paraId="058F0EC2" w14:textId="0CBFA8A6" w:rsidR="00787BB8" w:rsidRDefault="00787BB8" w:rsidP="00D7746F">
            <w:pPr>
              <w:jc w:val="right"/>
            </w:pPr>
            <w:r>
              <w:t>~1 500 000</w:t>
            </w:r>
          </w:p>
        </w:tc>
      </w:tr>
      <w:tr w:rsidR="00305119" w14:paraId="4DCC96BF" w14:textId="71EFA369" w:rsidTr="00C22727">
        <w:tc>
          <w:tcPr>
            <w:tcW w:w="1418" w:type="dxa"/>
          </w:tcPr>
          <w:p w14:paraId="5B034D32" w14:textId="77777777" w:rsidR="00787BB8" w:rsidRDefault="00787BB8" w:rsidP="00787BB8">
            <w:r>
              <w:t>TS</w:t>
            </w:r>
          </w:p>
        </w:tc>
        <w:tc>
          <w:tcPr>
            <w:tcW w:w="1559" w:type="dxa"/>
            <w:shd w:val="clear" w:color="auto" w:fill="FFFFFF" w:themeFill="background1"/>
            <w:vAlign w:val="bottom"/>
          </w:tcPr>
          <w:p w14:paraId="28B56AC8" w14:textId="1E7958B1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78</w:t>
            </w:r>
            <w:r w:rsidR="0030511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85,4</w:t>
            </w:r>
            <w:r w:rsidR="00305119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554" w:type="dxa"/>
            <w:shd w:val="clear" w:color="auto" w:fill="FFFFFF" w:themeFill="background1"/>
            <w:vAlign w:val="bottom"/>
          </w:tcPr>
          <w:p w14:paraId="52CE388C" w14:textId="7D1EC4AE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498</w:t>
            </w:r>
            <w:r w:rsidR="000428E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30,7</w:t>
            </w:r>
            <w:r w:rsidR="000428E9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565" w:type="dxa"/>
            <w:shd w:val="clear" w:color="auto" w:fill="FFFFFF" w:themeFill="background1"/>
            <w:vAlign w:val="bottom"/>
          </w:tcPr>
          <w:p w14:paraId="4C5C2E0C" w14:textId="676E8320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384</w:t>
            </w:r>
            <w:r w:rsidR="000428E9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63,61</w:t>
            </w:r>
          </w:p>
        </w:tc>
        <w:tc>
          <w:tcPr>
            <w:tcW w:w="1275" w:type="dxa"/>
            <w:shd w:val="clear" w:color="auto" w:fill="FFFFFF" w:themeFill="background1"/>
            <w:vAlign w:val="bottom"/>
          </w:tcPr>
          <w:p w14:paraId="075F5E60" w14:textId="1F4DBDCB" w:rsidR="00787BB8" w:rsidRDefault="00787BB8" w:rsidP="00D7746F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6</w:t>
            </w:r>
            <w:r w:rsidR="00B1184F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47,13</w:t>
            </w:r>
          </w:p>
        </w:tc>
        <w:tc>
          <w:tcPr>
            <w:tcW w:w="997" w:type="dxa"/>
          </w:tcPr>
          <w:p w14:paraId="70B43E72" w14:textId="77B78AB2" w:rsidR="00787BB8" w:rsidRDefault="00787BB8" w:rsidP="00D7746F">
            <w:pPr>
              <w:jc w:val="right"/>
            </w:pPr>
            <w:r>
              <w:t>174,32 s</w:t>
            </w:r>
          </w:p>
        </w:tc>
        <w:tc>
          <w:tcPr>
            <w:tcW w:w="1266" w:type="dxa"/>
          </w:tcPr>
          <w:p w14:paraId="115CD8D3" w14:textId="276B8CA8" w:rsidR="00787BB8" w:rsidRDefault="00787BB8" w:rsidP="00D7746F">
            <w:pPr>
              <w:jc w:val="right"/>
            </w:pPr>
            <w:r>
              <w:t>600 000</w:t>
            </w:r>
          </w:p>
        </w:tc>
      </w:tr>
      <w:tr w:rsidR="0003409E" w14:paraId="63ED4BAC" w14:textId="68360673" w:rsidTr="00C22727">
        <w:tc>
          <w:tcPr>
            <w:tcW w:w="1418" w:type="dxa"/>
          </w:tcPr>
          <w:p w14:paraId="3CBFF6A0" w14:textId="77777777" w:rsidR="0003409E" w:rsidRDefault="0003409E" w:rsidP="0003409E">
            <w:r>
              <w:t>SA</w:t>
            </w:r>
          </w:p>
        </w:tc>
        <w:tc>
          <w:tcPr>
            <w:tcW w:w="1559" w:type="dxa"/>
            <w:shd w:val="clear" w:color="auto" w:fill="FFFFFF" w:themeFill="background1"/>
            <w:vAlign w:val="bottom"/>
          </w:tcPr>
          <w:p w14:paraId="2B653EC7" w14:textId="6CE6E1F6" w:rsidR="0003409E" w:rsidRDefault="0003409E" w:rsidP="0003409E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603</w:t>
            </w:r>
            <w:r w:rsidR="00C22727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136,6</w:t>
            </w:r>
            <w:r w:rsidR="00C22727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554" w:type="dxa"/>
            <w:shd w:val="clear" w:color="auto" w:fill="A8D08D" w:themeFill="accent6" w:themeFillTint="99"/>
            <w:vAlign w:val="bottom"/>
          </w:tcPr>
          <w:p w14:paraId="66262C49" w14:textId="48973C08" w:rsidR="0003409E" w:rsidRDefault="0003409E" w:rsidP="0003409E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64</w:t>
            </w:r>
            <w:r w:rsidR="00C22727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85,4</w:t>
            </w:r>
            <w:r w:rsidR="00C22727">
              <w:rPr>
                <w:rFonts w:ascii="Calibri" w:hAnsi="Calibri" w:cs="Calibri"/>
                <w:color w:val="000000"/>
              </w:rPr>
              <w:t>0</w:t>
            </w:r>
          </w:p>
        </w:tc>
        <w:tc>
          <w:tcPr>
            <w:tcW w:w="1565" w:type="dxa"/>
            <w:shd w:val="clear" w:color="auto" w:fill="A8D08D" w:themeFill="accent6" w:themeFillTint="99"/>
            <w:vAlign w:val="bottom"/>
          </w:tcPr>
          <w:p w14:paraId="617DDE1C" w14:textId="0982511D" w:rsidR="0003409E" w:rsidRDefault="0003409E" w:rsidP="0003409E">
            <w:pPr>
              <w:jc w:val="right"/>
            </w:pPr>
            <w:r>
              <w:rPr>
                <w:rFonts w:ascii="Calibri" w:hAnsi="Calibri" w:cs="Calibri"/>
                <w:color w:val="000000"/>
              </w:rPr>
              <w:t>527</w:t>
            </w:r>
            <w:r w:rsidR="00C22727">
              <w:rPr>
                <w:rFonts w:ascii="Calibri" w:hAnsi="Calibri" w:cs="Calibri"/>
                <w:color w:val="000000"/>
              </w:rPr>
              <w:t xml:space="preserve"> </w:t>
            </w:r>
            <w:r>
              <w:rPr>
                <w:rFonts w:ascii="Calibri" w:hAnsi="Calibri" w:cs="Calibri"/>
                <w:color w:val="000000"/>
              </w:rPr>
              <w:t>514,45</w:t>
            </w:r>
          </w:p>
        </w:tc>
        <w:tc>
          <w:tcPr>
            <w:tcW w:w="1275" w:type="dxa"/>
            <w:shd w:val="clear" w:color="auto" w:fill="A8D08D" w:themeFill="accent6" w:themeFillTint="99"/>
            <w:vAlign w:val="bottom"/>
          </w:tcPr>
          <w:p w14:paraId="34BEC019" w14:textId="25C3502B" w:rsidR="0003409E" w:rsidRPr="00C22727" w:rsidRDefault="00C22727" w:rsidP="00C22727">
            <w:pPr>
              <w:spacing w:line="240" w:lineRule="auto"/>
              <w:jc w:val="right"/>
              <w:rPr>
                <w:rFonts w:ascii="Calibri" w:hAnsi="Calibri" w:cs="Calibri"/>
                <w:color w:val="000000"/>
              </w:rPr>
            </w:pPr>
            <w:r>
              <w:rPr>
                <w:rFonts w:ascii="Calibri" w:hAnsi="Calibri" w:cs="Calibri"/>
                <w:color w:val="000000"/>
              </w:rPr>
              <w:t>26 904,72</w:t>
            </w:r>
          </w:p>
        </w:tc>
        <w:tc>
          <w:tcPr>
            <w:tcW w:w="997" w:type="dxa"/>
            <w:shd w:val="clear" w:color="auto" w:fill="A8D08D" w:themeFill="accent6" w:themeFillTint="99"/>
          </w:tcPr>
          <w:p w14:paraId="14DC5674" w14:textId="152B6270" w:rsidR="0003409E" w:rsidRDefault="0003409E" w:rsidP="0003409E">
            <w:pPr>
              <w:jc w:val="right"/>
            </w:pPr>
            <w:r>
              <w:t>132,60 s</w:t>
            </w:r>
          </w:p>
        </w:tc>
        <w:tc>
          <w:tcPr>
            <w:tcW w:w="1266" w:type="dxa"/>
          </w:tcPr>
          <w:p w14:paraId="7BA248EF" w14:textId="2EFF9677" w:rsidR="0003409E" w:rsidRDefault="00B6315E" w:rsidP="0003409E">
            <w:pPr>
              <w:jc w:val="right"/>
            </w:pPr>
            <w:r>
              <w:t>600</w:t>
            </w:r>
            <w:r w:rsidR="0003409E">
              <w:t xml:space="preserve"> 000</w:t>
            </w:r>
          </w:p>
        </w:tc>
      </w:tr>
    </w:tbl>
    <w:p w14:paraId="217CF3C8" w14:textId="1137FF72" w:rsidR="00A36D1D" w:rsidRPr="0003703F" w:rsidRDefault="00A36D1D" w:rsidP="00A36D1D"/>
    <w:p w14:paraId="3E646F2F" w14:textId="13C21F7C" w:rsidR="00A36D1D" w:rsidRDefault="00CD4FB7" w:rsidP="0003703F">
      <w:r>
        <w:rPr>
          <w:noProof/>
        </w:rPr>
        <mc:AlternateContent>
          <mc:Choice Requires="cx1">
            <w:drawing>
              <wp:inline distT="0" distB="0" distL="0" distR="0" wp14:anchorId="4A7C0790" wp14:editId="39E6DCF0">
                <wp:extent cx="5760720" cy="4298315"/>
                <wp:effectExtent l="0" t="0" r="11430" b="6985"/>
                <wp:docPr id="9" name="Wykres 9">
                  <a:extLst xmlns:a="http://schemas.openxmlformats.org/drawingml/2006/main">
                    <a:ext uri="{FF2B5EF4-FFF2-40B4-BE49-F238E27FC236}">
                      <a16:creationId xmlns:a16="http://schemas.microsoft.com/office/drawing/2014/main" id="{E36796B3-553B-8741-36D6-324EB6C247AC}"/>
                    </a:ext>
                  </a:extLst>
                </wp:docPr>
                <wp:cNvGraphicFramePr/>
                <a:graphic xmlns:a="http://schemas.openxmlformats.org/drawingml/2006/main">
                  <a:graphicData uri="http://schemas.microsoft.com/office/drawing/2014/chartex">
                    <cx:chart xmlns:cx="http://schemas.microsoft.com/office/drawing/2014/chartex" xmlns:r="http://schemas.openxmlformats.org/officeDocument/2006/relationships" r:id="rId13"/>
                  </a:graphicData>
                </a:graphic>
              </wp:inline>
            </w:drawing>
          </mc:Choice>
          <mc:Fallback>
            <w:drawing>
              <wp:inline distT="0" distB="0" distL="0" distR="0" wp14:anchorId="4A7C0790" wp14:editId="39E6DCF0">
                <wp:extent cx="5760720" cy="4298315"/>
                <wp:effectExtent l="0" t="0" r="11430" b="6985"/>
                <wp:docPr id="9" name="Wykres 9">
                  <a:extLst xmlns:a="http://schemas.openxmlformats.org/drawingml/2006/main">
                    <a:ext uri="{FF2B5EF4-FFF2-40B4-BE49-F238E27FC236}">
                      <a16:creationId xmlns:a16="http://schemas.microsoft.com/office/drawing/2014/main" id="{E36796B3-553B-8741-36D6-324EB6C247AC}"/>
                    </a:ext>
                  </a:extLst>
                </wp:docPr>
                <wp:cNvGraphicFramePr>
                  <a:graphicFrameLocks xmlns:a="http://schemas.openxmlformats.org/drawingml/2006/main" noGrp="1" noDrilldown="1" noSelect="1" noChangeAspect="1" noMove="1" noResize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9" name="Wykres 9">
                          <a:extLst>
                            <a:ext uri="{FF2B5EF4-FFF2-40B4-BE49-F238E27FC236}">
                              <a16:creationId xmlns:a16="http://schemas.microsoft.com/office/drawing/2014/main" id="{E36796B3-553B-8741-36D6-324EB6C247AC}"/>
                            </a:ext>
                          </a:extLst>
                        </pic:cNvPr>
                        <pic:cNvPicPr>
                          <a:picLocks noGrp="1" noRot="1" noChangeAspect="1" noMove="1" noResize="1" noEditPoints="1" noAdjustHandles="1" noChangeArrowheads="1" noChangeShapeType="1"/>
                        </pic:cNvPicPr>
                      </pic:nvPicPr>
                      <pic:blipFill>
                        <a:blip r:embed="rId14"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5760720" cy="4298315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mc:Fallback>
        </mc:AlternateContent>
      </w:r>
    </w:p>
    <w:p w14:paraId="36E47893" w14:textId="6628460C" w:rsidR="006C1F5E" w:rsidRDefault="004A5DF4" w:rsidP="0003703F">
      <w:r>
        <w:t xml:space="preserve">Ze wszystkich </w:t>
      </w:r>
      <w:r w:rsidR="009C794D">
        <w:t>heurystyk najlepsza jest SA</w:t>
      </w:r>
      <w:r w:rsidR="004E3B03">
        <w:t xml:space="preserve">, choć nie udało mu się pobić najlepszego wyniku </w:t>
      </w:r>
      <w:proofErr w:type="spellStart"/>
      <w:r w:rsidR="004E3B03">
        <w:t>Greedy</w:t>
      </w:r>
      <w:proofErr w:type="spellEnd"/>
      <w:r w:rsidR="004E3B03">
        <w:t>, ma ona najmniejsze odchylenie, najmniejszy czas</w:t>
      </w:r>
      <w:r w:rsidR="00CE6B8D">
        <w:t xml:space="preserve">, najwyższe wartości średnie i najniższe. Udało jej się to osiągnąć badając taką samą liczbę </w:t>
      </w:r>
      <w:r w:rsidR="00B96CC7">
        <w:t>osobników co TS, ale w lepszy</w:t>
      </w:r>
      <w:r w:rsidR="0057317D">
        <w:t xml:space="preserve">m o prawie 1/3 czasie. W </w:t>
      </w:r>
      <w:r w:rsidR="0057317D">
        <w:lastRenderedPageBreak/>
        <w:t xml:space="preserve">porównaniu do EA, </w:t>
      </w:r>
      <w:r w:rsidR="0056316C">
        <w:t>SA wykonało około 2.5 razy mniej urodzeń i była ponad 3 razy szybsza</w:t>
      </w:r>
      <w:r w:rsidR="00F61167">
        <w:t xml:space="preserve">. Warto dodać jeszcze kilka uwag </w:t>
      </w:r>
      <w:r w:rsidR="00F41819">
        <w:t xml:space="preserve">wyciągniętych z </w:t>
      </w:r>
      <w:proofErr w:type="spellStart"/>
      <w:r w:rsidR="00F41819">
        <w:t>profilera</w:t>
      </w:r>
      <w:proofErr w:type="spellEnd"/>
      <w:r w:rsidR="006C1F5E">
        <w:t>:</w:t>
      </w:r>
    </w:p>
    <w:p w14:paraId="321429DB" w14:textId="6085620B" w:rsidR="006C1F5E" w:rsidRDefault="006C1F5E" w:rsidP="006C1F5E">
      <w:pPr>
        <w:pStyle w:val="Akapitzlist"/>
        <w:numPr>
          <w:ilvl w:val="0"/>
          <w:numId w:val="1"/>
        </w:numPr>
      </w:pPr>
      <w:r>
        <w:t>EA – 87% czasu działania konsumuje funkcja fitness</w:t>
      </w:r>
      <w:r w:rsidR="00473CFE">
        <w:t xml:space="preserve"> a krzyżowanie OX zajmuje prawie 8 %</w:t>
      </w:r>
    </w:p>
    <w:p w14:paraId="780F37E1" w14:textId="431710DC" w:rsidR="00473CFE" w:rsidRDefault="004D09A8" w:rsidP="006C1F5E">
      <w:pPr>
        <w:pStyle w:val="Akapitzlist"/>
        <w:numPr>
          <w:ilvl w:val="0"/>
          <w:numId w:val="1"/>
        </w:numPr>
      </w:pPr>
      <w:r>
        <w:t>TS – 79% czasu działania konsumuje funkcja fitness a 14%</w:t>
      </w:r>
      <w:r w:rsidR="0080564B">
        <w:t xml:space="preserve"> sprawdzanie listy Tabu</w:t>
      </w:r>
    </w:p>
    <w:p w14:paraId="66EEA67B" w14:textId="36866BAF" w:rsidR="0080564B" w:rsidRDefault="0080564B" w:rsidP="006C1F5E">
      <w:pPr>
        <w:pStyle w:val="Akapitzlist"/>
        <w:numPr>
          <w:ilvl w:val="0"/>
          <w:numId w:val="1"/>
        </w:numPr>
      </w:pPr>
      <w:r>
        <w:t xml:space="preserve">SA – 95% czasu działania konsumuje </w:t>
      </w:r>
      <w:r w:rsidR="000D610C">
        <w:t xml:space="preserve">funkcja </w:t>
      </w:r>
      <w:r w:rsidR="003579F6">
        <w:t>fitness</w:t>
      </w:r>
    </w:p>
    <w:p w14:paraId="127F4CE7" w14:textId="3B1C81E1" w:rsidR="003579F6" w:rsidRDefault="003579F6" w:rsidP="003579F6">
      <w:r>
        <w:t>Wniosek z tego jest taki, że heurystyka SA jest najmniej podatna na zw</w:t>
      </w:r>
      <w:r w:rsidR="0096400A">
        <w:t>iększanie liczby urodzeń, ponieważ dokonuje najmniej działa</w:t>
      </w:r>
      <w:r w:rsidR="001A331C">
        <w:t xml:space="preserve">ń związanych z osobnikami. </w:t>
      </w:r>
      <w:r w:rsidR="00A93A2C">
        <w:t>EA i TS część swojego działania przeznaczają albo na operatory selekcji i krzyżowania, albo na sprawdzanie listy Tabu</w:t>
      </w:r>
      <w:r w:rsidR="00091E43">
        <w:t>, więc zwiększając liczbę urodzeń bardziej je obciążamy.</w:t>
      </w:r>
    </w:p>
    <w:p w14:paraId="4FAF77B8" w14:textId="2BB3AA27" w:rsidR="004F3162" w:rsidRDefault="004F3162" w:rsidP="003579F6">
      <w:r>
        <w:rPr>
          <w:noProof/>
        </w:rPr>
        <w:drawing>
          <wp:inline distT="0" distB="0" distL="0" distR="0" wp14:anchorId="33E68C4A" wp14:editId="36265B67">
            <wp:extent cx="5760720" cy="3441065"/>
            <wp:effectExtent l="0" t="0" r="11430" b="6985"/>
            <wp:docPr id="10" name="Wykres 10">
              <a:extLst xmlns:a="http://schemas.openxmlformats.org/drawingml/2006/main">
                <a:ext uri="{FF2B5EF4-FFF2-40B4-BE49-F238E27FC236}">
                  <a16:creationId xmlns:a16="http://schemas.microsoft.com/office/drawing/2014/main" id="{A46C2773-40FF-0472-DB2A-C6039BC6CA0E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5"/>
              </a:graphicData>
            </a:graphic>
          </wp:inline>
        </w:drawing>
      </w:r>
    </w:p>
    <w:p w14:paraId="2693683F" w14:textId="19111531" w:rsidR="004F3162" w:rsidRDefault="004F3162" w:rsidP="003579F6">
      <w:r>
        <w:t xml:space="preserve">Wykres przedstawiający zestawienie najlepszych </w:t>
      </w:r>
      <w:r w:rsidR="00D622BC">
        <w:t>wyników wszystkich heurystyk</w:t>
      </w:r>
      <w:r w:rsidR="00D115FB">
        <w:t>.</w:t>
      </w:r>
    </w:p>
    <w:p w14:paraId="1D4B97F8" w14:textId="41B91ACE" w:rsidR="00D115FB" w:rsidRDefault="00D115FB" w:rsidP="00D115FB">
      <w:pPr>
        <w:pStyle w:val="Nagwek2"/>
      </w:pPr>
      <w:r>
        <w:t>Modyfikacje</w:t>
      </w:r>
    </w:p>
    <w:p w14:paraId="75461E89" w14:textId="7458B8C7" w:rsidR="00D115FB" w:rsidRDefault="00CE4426" w:rsidP="00CE4426">
      <w:pPr>
        <w:pStyle w:val="Akapitzlist"/>
        <w:numPr>
          <w:ilvl w:val="0"/>
          <w:numId w:val="2"/>
        </w:numPr>
      </w:pPr>
      <w:r>
        <w:t>EA + EA</w:t>
      </w:r>
    </w:p>
    <w:p w14:paraId="0AB5ABFF" w14:textId="25CEC290" w:rsidR="00CE4426" w:rsidRDefault="00CC676A" w:rsidP="00CE4426">
      <w:pPr>
        <w:ind w:left="720"/>
      </w:pPr>
      <w:r>
        <w:t>Połowę nowej populacji zapewnia EA z inną konfiguracją</w:t>
      </w:r>
      <w:r w:rsidR="00B13F69">
        <w:t xml:space="preserve"> niż EA zapewniający drugą połowę. Skupienie się na eksploatacji i eksploracji – jeden ma duże prawdopodobieństwo mutacji i małe krzyżowania – drugie na odwrót. Można zbadać różne krzyżowania.</w:t>
      </w:r>
    </w:p>
    <w:p w14:paraId="3CC904B0" w14:textId="6B681F72" w:rsidR="00C10B6C" w:rsidRDefault="0045504C" w:rsidP="00C10B6C">
      <w:pPr>
        <w:pStyle w:val="Akapitzlist"/>
        <w:numPr>
          <w:ilvl w:val="0"/>
          <w:numId w:val="2"/>
        </w:numPr>
      </w:pPr>
      <w:r>
        <w:t>EA + T</w:t>
      </w:r>
      <w:r w:rsidR="00C10B6C">
        <w:t>S</w:t>
      </w:r>
    </w:p>
    <w:p w14:paraId="148B3AA6" w14:textId="3A5629A4" w:rsidR="00C10B6C" w:rsidRDefault="007C427A" w:rsidP="00C10B6C">
      <w:pPr>
        <w:ind w:left="720"/>
      </w:pPr>
      <w:r>
        <w:t>Po stworzeniu nowej populacji, x% tej populacji (</w:t>
      </w:r>
      <w:proofErr w:type="spellStart"/>
      <w:r>
        <w:t>random</w:t>
      </w:r>
      <w:proofErr w:type="spellEnd"/>
      <w:r>
        <w:t xml:space="preserve">, </w:t>
      </w:r>
      <w:proofErr w:type="spellStart"/>
      <w:r>
        <w:t>worst</w:t>
      </w:r>
      <w:proofErr w:type="spellEnd"/>
      <w:r w:rsidR="00155E70">
        <w:t xml:space="preserve"> ?) jest brane do tabu </w:t>
      </w:r>
      <w:proofErr w:type="spellStart"/>
      <w:r w:rsidR="00155E70">
        <w:t>se</w:t>
      </w:r>
      <w:r w:rsidR="00396DD8">
        <w:t>ar</w:t>
      </w:r>
      <w:r w:rsidR="00155E70">
        <w:t>ch</w:t>
      </w:r>
      <w:proofErr w:type="spellEnd"/>
      <w:r w:rsidR="00155E70">
        <w:t>, które przeszukuje jego sąsiedztwo i wybiera najlepszego sąsiada</w:t>
      </w:r>
      <w:r w:rsidR="00396DD8">
        <w:t>, którego nie ma w tabu</w:t>
      </w:r>
    </w:p>
    <w:p w14:paraId="3BB55FBE" w14:textId="1A9AF7BE" w:rsidR="00AA0C9A" w:rsidRDefault="002F45DC" w:rsidP="00AA0C9A">
      <w:pPr>
        <w:pStyle w:val="Akapitzlist"/>
        <w:numPr>
          <w:ilvl w:val="0"/>
          <w:numId w:val="2"/>
        </w:numPr>
      </w:pPr>
      <w:r>
        <w:t xml:space="preserve">EA </w:t>
      </w:r>
      <w:r w:rsidR="00AA0C9A">
        <w:t>(n?)</w:t>
      </w:r>
      <w:r>
        <w:t xml:space="preserve"> T</w:t>
      </w:r>
      <w:r w:rsidR="00AA0C9A">
        <w:t>S</w:t>
      </w:r>
    </w:p>
    <w:p w14:paraId="461EF570" w14:textId="44350B2C" w:rsidR="00AA0C9A" w:rsidRDefault="00E64FE9" w:rsidP="00E64FE9">
      <w:pPr>
        <w:ind w:left="720"/>
      </w:pPr>
      <w:r>
        <w:t xml:space="preserve">Jeżeli EA przez n pokoleń nie </w:t>
      </w:r>
      <w:r w:rsidR="00CC3EA8">
        <w:t>znajdzie lepszego rozwiązania, całe pokolenie brane jest do Tabu</w:t>
      </w:r>
      <w:r w:rsidR="00F776DC">
        <w:t xml:space="preserve">. Czy rozmiar Tabu powinien być większy niż populacja, żeby pamiętać rozwiązania między </w:t>
      </w:r>
      <w:r w:rsidR="004A556E">
        <w:t xml:space="preserve">populacjami? -&gt; Nie dopuszcza powtórzeń w </w:t>
      </w:r>
      <w:r w:rsidR="00E126A3">
        <w:t>populacji</w:t>
      </w:r>
      <w:r w:rsidR="006372C0">
        <w:t xml:space="preserve">, a więc </w:t>
      </w:r>
      <w:proofErr w:type="spellStart"/>
      <w:r w:rsidR="006372C0">
        <w:t>mnejszy</w:t>
      </w:r>
      <w:proofErr w:type="spellEnd"/>
      <w:r w:rsidR="006372C0">
        <w:t xml:space="preserve"> niż rozmiar populacji? -&gt; branie nie całej, a % popula</w:t>
      </w:r>
      <w:r w:rsidR="00C52516">
        <w:t>cji z zachowaniem elitaryzmu</w:t>
      </w:r>
    </w:p>
    <w:p w14:paraId="19C24562" w14:textId="77777777" w:rsidR="00AA0C9A" w:rsidRPr="00D115FB" w:rsidRDefault="00AA0C9A" w:rsidP="00AA0C9A">
      <w:pPr>
        <w:pStyle w:val="Akapitzlist"/>
      </w:pPr>
    </w:p>
    <w:sectPr w:rsidR="00AA0C9A" w:rsidRPr="00D115FB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  <w:font w:name="Cambria Math">
    <w:panose1 w:val="02040503050406030204"/>
    <w:charset w:val="EE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47C0465B"/>
    <w:multiLevelType w:val="hybridMultilevel"/>
    <w:tmpl w:val="2338A6A8"/>
    <w:lvl w:ilvl="0" w:tplc="140C6904">
      <w:start w:val="600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15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7E974531"/>
    <w:multiLevelType w:val="hybridMultilevel"/>
    <w:tmpl w:val="7DACD34E"/>
    <w:lvl w:ilvl="0" w:tplc="0415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50019">
      <w:start w:val="1"/>
      <w:numFmt w:val="lowerLetter"/>
      <w:lvlText w:val="%2."/>
      <w:lvlJc w:val="left"/>
      <w:pPr>
        <w:ind w:left="1440" w:hanging="360"/>
      </w:pPr>
    </w:lvl>
    <w:lvl w:ilvl="2" w:tplc="0415001B" w:tentative="1">
      <w:start w:val="1"/>
      <w:numFmt w:val="lowerRoman"/>
      <w:lvlText w:val="%3."/>
      <w:lvlJc w:val="right"/>
      <w:pPr>
        <w:ind w:left="2160" w:hanging="180"/>
      </w:pPr>
    </w:lvl>
    <w:lvl w:ilvl="3" w:tplc="0415000F" w:tentative="1">
      <w:start w:val="1"/>
      <w:numFmt w:val="decimal"/>
      <w:lvlText w:val="%4."/>
      <w:lvlJc w:val="left"/>
      <w:pPr>
        <w:ind w:left="2880" w:hanging="360"/>
      </w:pPr>
    </w:lvl>
    <w:lvl w:ilvl="4" w:tplc="04150019" w:tentative="1">
      <w:start w:val="1"/>
      <w:numFmt w:val="lowerLetter"/>
      <w:lvlText w:val="%5."/>
      <w:lvlJc w:val="left"/>
      <w:pPr>
        <w:ind w:left="3600" w:hanging="360"/>
      </w:pPr>
    </w:lvl>
    <w:lvl w:ilvl="5" w:tplc="0415001B" w:tentative="1">
      <w:start w:val="1"/>
      <w:numFmt w:val="lowerRoman"/>
      <w:lvlText w:val="%6."/>
      <w:lvlJc w:val="right"/>
      <w:pPr>
        <w:ind w:left="4320" w:hanging="180"/>
      </w:pPr>
    </w:lvl>
    <w:lvl w:ilvl="6" w:tplc="0415000F" w:tentative="1">
      <w:start w:val="1"/>
      <w:numFmt w:val="decimal"/>
      <w:lvlText w:val="%7."/>
      <w:lvlJc w:val="left"/>
      <w:pPr>
        <w:ind w:left="5040" w:hanging="360"/>
      </w:pPr>
    </w:lvl>
    <w:lvl w:ilvl="7" w:tplc="04150019" w:tentative="1">
      <w:start w:val="1"/>
      <w:numFmt w:val="lowerLetter"/>
      <w:lvlText w:val="%8."/>
      <w:lvlJc w:val="left"/>
      <w:pPr>
        <w:ind w:left="5760" w:hanging="360"/>
      </w:pPr>
    </w:lvl>
    <w:lvl w:ilvl="8" w:tplc="0415001B" w:tentative="1">
      <w:start w:val="1"/>
      <w:numFmt w:val="lowerRoman"/>
      <w:lvlText w:val="%9."/>
      <w:lvlJc w:val="right"/>
      <w:pPr>
        <w:ind w:left="6480" w:hanging="180"/>
      </w:pPr>
    </w:lvl>
  </w:abstractNum>
  <w:num w:numId="1" w16cid:durableId="610552273">
    <w:abstractNumId w:val="0"/>
  </w:num>
  <w:num w:numId="2" w16cid:durableId="84963982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2"/>
  <w:proofState w:spelling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77F04"/>
    <w:rsid w:val="0003409E"/>
    <w:rsid w:val="0003703F"/>
    <w:rsid w:val="000428E9"/>
    <w:rsid w:val="00057FE0"/>
    <w:rsid w:val="00091E43"/>
    <w:rsid w:val="000A3AB8"/>
    <w:rsid w:val="000D610C"/>
    <w:rsid w:val="000F3D23"/>
    <w:rsid w:val="000F67B6"/>
    <w:rsid w:val="0010622D"/>
    <w:rsid w:val="0010754D"/>
    <w:rsid w:val="001114B6"/>
    <w:rsid w:val="00123CA5"/>
    <w:rsid w:val="001304E3"/>
    <w:rsid w:val="001445E0"/>
    <w:rsid w:val="00155E70"/>
    <w:rsid w:val="00165167"/>
    <w:rsid w:val="00193287"/>
    <w:rsid w:val="001A331C"/>
    <w:rsid w:val="001D12F2"/>
    <w:rsid w:val="001F675E"/>
    <w:rsid w:val="00210CBF"/>
    <w:rsid w:val="00226A3E"/>
    <w:rsid w:val="002357C7"/>
    <w:rsid w:val="002372A9"/>
    <w:rsid w:val="00241487"/>
    <w:rsid w:val="00243E88"/>
    <w:rsid w:val="002473D9"/>
    <w:rsid w:val="00271027"/>
    <w:rsid w:val="002B34D3"/>
    <w:rsid w:val="002F45DC"/>
    <w:rsid w:val="002F522B"/>
    <w:rsid w:val="00305119"/>
    <w:rsid w:val="00325AD5"/>
    <w:rsid w:val="00340074"/>
    <w:rsid w:val="003553FF"/>
    <w:rsid w:val="003579F6"/>
    <w:rsid w:val="003664D7"/>
    <w:rsid w:val="00385C17"/>
    <w:rsid w:val="00396DD8"/>
    <w:rsid w:val="003A277D"/>
    <w:rsid w:val="003D72F6"/>
    <w:rsid w:val="0040155A"/>
    <w:rsid w:val="004034F9"/>
    <w:rsid w:val="004113AB"/>
    <w:rsid w:val="004213C4"/>
    <w:rsid w:val="00452375"/>
    <w:rsid w:val="0045504C"/>
    <w:rsid w:val="00473CFE"/>
    <w:rsid w:val="0047557F"/>
    <w:rsid w:val="004936CC"/>
    <w:rsid w:val="004A556E"/>
    <w:rsid w:val="004A5DF4"/>
    <w:rsid w:val="004C1EF2"/>
    <w:rsid w:val="004D09A8"/>
    <w:rsid w:val="004D43BA"/>
    <w:rsid w:val="004E3B03"/>
    <w:rsid w:val="004F0EBA"/>
    <w:rsid w:val="004F3162"/>
    <w:rsid w:val="00512EEE"/>
    <w:rsid w:val="00517150"/>
    <w:rsid w:val="0051755F"/>
    <w:rsid w:val="00543D7A"/>
    <w:rsid w:val="0056316C"/>
    <w:rsid w:val="0057152A"/>
    <w:rsid w:val="0057317D"/>
    <w:rsid w:val="00577F04"/>
    <w:rsid w:val="005875F3"/>
    <w:rsid w:val="005B0265"/>
    <w:rsid w:val="005B1CF8"/>
    <w:rsid w:val="005B3D72"/>
    <w:rsid w:val="0062171F"/>
    <w:rsid w:val="00623255"/>
    <w:rsid w:val="006372C0"/>
    <w:rsid w:val="00671A24"/>
    <w:rsid w:val="006739DA"/>
    <w:rsid w:val="00683446"/>
    <w:rsid w:val="00684638"/>
    <w:rsid w:val="00686FEB"/>
    <w:rsid w:val="006C1F5E"/>
    <w:rsid w:val="006C4E1A"/>
    <w:rsid w:val="006C6616"/>
    <w:rsid w:val="006E061C"/>
    <w:rsid w:val="0071148C"/>
    <w:rsid w:val="007118B4"/>
    <w:rsid w:val="00737AA1"/>
    <w:rsid w:val="00763EE2"/>
    <w:rsid w:val="007705AD"/>
    <w:rsid w:val="00787BB8"/>
    <w:rsid w:val="007C0440"/>
    <w:rsid w:val="007C427A"/>
    <w:rsid w:val="007F08DC"/>
    <w:rsid w:val="007F0CE2"/>
    <w:rsid w:val="007F4423"/>
    <w:rsid w:val="0080564B"/>
    <w:rsid w:val="00813A57"/>
    <w:rsid w:val="00861CB5"/>
    <w:rsid w:val="00872A96"/>
    <w:rsid w:val="00872B43"/>
    <w:rsid w:val="008A23CF"/>
    <w:rsid w:val="008A30DE"/>
    <w:rsid w:val="008A7030"/>
    <w:rsid w:val="008B3F65"/>
    <w:rsid w:val="008D1B28"/>
    <w:rsid w:val="008F457C"/>
    <w:rsid w:val="00906F62"/>
    <w:rsid w:val="00907A77"/>
    <w:rsid w:val="00930039"/>
    <w:rsid w:val="009454E8"/>
    <w:rsid w:val="0094671A"/>
    <w:rsid w:val="0096400A"/>
    <w:rsid w:val="00971C89"/>
    <w:rsid w:val="009800FE"/>
    <w:rsid w:val="00985232"/>
    <w:rsid w:val="009A6A88"/>
    <w:rsid w:val="009C5D20"/>
    <w:rsid w:val="009C794D"/>
    <w:rsid w:val="009F45E2"/>
    <w:rsid w:val="009F47F5"/>
    <w:rsid w:val="00A046E8"/>
    <w:rsid w:val="00A16A26"/>
    <w:rsid w:val="00A17F04"/>
    <w:rsid w:val="00A23EE4"/>
    <w:rsid w:val="00A36D1D"/>
    <w:rsid w:val="00A418DD"/>
    <w:rsid w:val="00A451B2"/>
    <w:rsid w:val="00A5471C"/>
    <w:rsid w:val="00A62D85"/>
    <w:rsid w:val="00A722D2"/>
    <w:rsid w:val="00A93A2C"/>
    <w:rsid w:val="00AA0C9A"/>
    <w:rsid w:val="00AC0271"/>
    <w:rsid w:val="00AC574A"/>
    <w:rsid w:val="00AD1010"/>
    <w:rsid w:val="00AD6043"/>
    <w:rsid w:val="00B1184F"/>
    <w:rsid w:val="00B13F69"/>
    <w:rsid w:val="00B35627"/>
    <w:rsid w:val="00B5423F"/>
    <w:rsid w:val="00B60115"/>
    <w:rsid w:val="00B6315E"/>
    <w:rsid w:val="00B716A0"/>
    <w:rsid w:val="00B8166B"/>
    <w:rsid w:val="00B858D3"/>
    <w:rsid w:val="00B96CC7"/>
    <w:rsid w:val="00B97065"/>
    <w:rsid w:val="00BA4E39"/>
    <w:rsid w:val="00BF04A4"/>
    <w:rsid w:val="00C10B6C"/>
    <w:rsid w:val="00C22727"/>
    <w:rsid w:val="00C34F79"/>
    <w:rsid w:val="00C363FA"/>
    <w:rsid w:val="00C376DC"/>
    <w:rsid w:val="00C44418"/>
    <w:rsid w:val="00C52516"/>
    <w:rsid w:val="00CB7B5D"/>
    <w:rsid w:val="00CC3EA8"/>
    <w:rsid w:val="00CC4F10"/>
    <w:rsid w:val="00CC5885"/>
    <w:rsid w:val="00CC676A"/>
    <w:rsid w:val="00CD4FB7"/>
    <w:rsid w:val="00CE4426"/>
    <w:rsid w:val="00CE6B8D"/>
    <w:rsid w:val="00CF0340"/>
    <w:rsid w:val="00D06465"/>
    <w:rsid w:val="00D115FB"/>
    <w:rsid w:val="00D4723C"/>
    <w:rsid w:val="00D622BC"/>
    <w:rsid w:val="00D65525"/>
    <w:rsid w:val="00D705B3"/>
    <w:rsid w:val="00D7746F"/>
    <w:rsid w:val="00D965E6"/>
    <w:rsid w:val="00DA4DD7"/>
    <w:rsid w:val="00DB43E2"/>
    <w:rsid w:val="00DC5D07"/>
    <w:rsid w:val="00DF2B86"/>
    <w:rsid w:val="00E126A3"/>
    <w:rsid w:val="00E2522A"/>
    <w:rsid w:val="00E3208C"/>
    <w:rsid w:val="00E331F1"/>
    <w:rsid w:val="00E61FAB"/>
    <w:rsid w:val="00E633B6"/>
    <w:rsid w:val="00E64FE9"/>
    <w:rsid w:val="00E73C43"/>
    <w:rsid w:val="00E7539F"/>
    <w:rsid w:val="00E91FA7"/>
    <w:rsid w:val="00ED0A4E"/>
    <w:rsid w:val="00F018AD"/>
    <w:rsid w:val="00F03393"/>
    <w:rsid w:val="00F13D59"/>
    <w:rsid w:val="00F267AC"/>
    <w:rsid w:val="00F41819"/>
    <w:rsid w:val="00F42641"/>
    <w:rsid w:val="00F61167"/>
    <w:rsid w:val="00F776DC"/>
    <w:rsid w:val="00F84D3D"/>
    <w:rsid w:val="00F900DD"/>
    <w:rsid w:val="00F94468"/>
    <w:rsid w:val="00FC2F7A"/>
    <w:rsid w:val="00FE756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BE2A8BE"/>
  <w15:chartTrackingRefBased/>
  <w15:docId w15:val="{AEA3EA10-0164-43D3-9C73-1C12B0CECDC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pl-PL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ny">
    <w:name w:val="Normal"/>
    <w:qFormat/>
    <w:rsid w:val="00684638"/>
    <w:pPr>
      <w:spacing w:line="256" w:lineRule="auto"/>
    </w:pPr>
  </w:style>
  <w:style w:type="paragraph" w:styleId="Nagwek2">
    <w:name w:val="heading 2"/>
    <w:basedOn w:val="Normalny"/>
    <w:next w:val="Normalny"/>
    <w:link w:val="Nagwek2Znak"/>
    <w:uiPriority w:val="9"/>
    <w:unhideWhenUsed/>
    <w:qFormat/>
    <w:rsid w:val="00F42641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paragraph" w:styleId="Nagwek3">
    <w:name w:val="heading 3"/>
    <w:basedOn w:val="Normalny"/>
    <w:next w:val="Normalny"/>
    <w:link w:val="Nagwek3Znak"/>
    <w:uiPriority w:val="9"/>
    <w:unhideWhenUsed/>
    <w:qFormat/>
    <w:rsid w:val="00F42641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character" w:customStyle="1" w:styleId="Nagwek2Znak">
    <w:name w:val="Nagłówek 2 Znak"/>
    <w:basedOn w:val="Domylnaczcionkaakapitu"/>
    <w:link w:val="Nagwek2"/>
    <w:uiPriority w:val="9"/>
    <w:rsid w:val="00F42641"/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character" w:customStyle="1" w:styleId="Nagwek3Znak">
    <w:name w:val="Nagłówek 3 Znak"/>
    <w:basedOn w:val="Domylnaczcionkaakapitu"/>
    <w:link w:val="Nagwek3"/>
    <w:uiPriority w:val="9"/>
    <w:rsid w:val="00F42641"/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table" w:styleId="Tabela-Siatka">
    <w:name w:val="Table Grid"/>
    <w:basedOn w:val="Standardowy"/>
    <w:uiPriority w:val="39"/>
    <w:rsid w:val="0003703F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Tekstzastpczy">
    <w:name w:val="Placeholder Text"/>
    <w:basedOn w:val="Domylnaczcionkaakapitu"/>
    <w:uiPriority w:val="99"/>
    <w:semiHidden/>
    <w:rsid w:val="002B34D3"/>
    <w:rPr>
      <w:color w:val="808080"/>
    </w:rPr>
  </w:style>
  <w:style w:type="paragraph" w:styleId="Akapitzlist">
    <w:name w:val="List Paragraph"/>
    <w:basedOn w:val="Normalny"/>
    <w:uiPriority w:val="34"/>
    <w:qFormat/>
    <w:rsid w:val="006C1F5E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3993965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21906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microsoft.com/office/2014/relationships/chartEx" Target="charts/chartEx5.xml"/><Relationship Id="rId3" Type="http://schemas.openxmlformats.org/officeDocument/2006/relationships/settings" Target="settings.xml"/><Relationship Id="rId7" Type="http://schemas.microsoft.com/office/2014/relationships/chartEx" Target="charts/chartEx2.xml"/><Relationship Id="rId12" Type="http://schemas.openxmlformats.org/officeDocument/2006/relationships/image" Target="media/image4.png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image" Target="media/image1.png"/><Relationship Id="rId11" Type="http://schemas.microsoft.com/office/2014/relationships/chartEx" Target="charts/chartEx4.xml"/><Relationship Id="rId5" Type="http://schemas.microsoft.com/office/2014/relationships/chartEx" Target="charts/chartEx1.xml"/><Relationship Id="rId15" Type="http://schemas.openxmlformats.org/officeDocument/2006/relationships/chart" Target="charts/chart1.xml"/><Relationship Id="rId10" Type="http://schemas.openxmlformats.org/officeDocument/2006/relationships/image" Target="media/image3.png"/><Relationship Id="rId4" Type="http://schemas.openxmlformats.org/officeDocument/2006/relationships/webSettings" Target="webSettings.xml"/><Relationship Id="rId9" Type="http://schemas.microsoft.com/office/2014/relationships/chartEx" Target="charts/chartEx3.xml"/><Relationship Id="rId14" Type="http://schemas.openxmlformats.org/officeDocument/2006/relationships/image" Target="media/image5.png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tudent254566\OneDrive%20-%20Politechnika%20Wroclawska\s7\Metaheurystyki\MetaProject\MetaProject\4Results\vis_4.csv" TargetMode="Externa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word/charts/_rels/chartEx1.xml.rels><?xml version="1.0" encoding="UTF-8" standalone="yes"?>
<Relationships xmlns="http://schemas.openxmlformats.org/package/2006/relationships"><Relationship Id="rId3" Type="http://schemas.microsoft.com/office/2011/relationships/chartColorStyle" Target="colors1.xml"/><Relationship Id="rId2" Type="http://schemas.microsoft.com/office/2011/relationships/chartStyle" Target="style1.xml"/><Relationship Id="rId1" Type="http://schemas.openxmlformats.org/officeDocument/2006/relationships/oleObject" Target="file:///C:\Users\Student254566\OneDrive%20-%20Politechnika%20Wroclawska\s7\Metaheurystyki\MetaProject\MetaProject\4Results\vis_4.csv" TargetMode="External"/></Relationships>
</file>

<file path=word/charts/_rels/chartEx2.xml.rels><?xml version="1.0" encoding="UTF-8" standalone="yes"?>
<Relationships xmlns="http://schemas.openxmlformats.org/package/2006/relationships"><Relationship Id="rId3" Type="http://schemas.microsoft.com/office/2011/relationships/chartColorStyle" Target="colors2.xml"/><Relationship Id="rId2" Type="http://schemas.microsoft.com/office/2011/relationships/chartStyle" Target="style2.xml"/><Relationship Id="rId1" Type="http://schemas.openxmlformats.org/officeDocument/2006/relationships/oleObject" Target="file:///C:\Users\Student254566\OneDrive%20-%20Politechnika%20Wroclawska\s7\Metaheurystyki\MetaProject\MetaProject\4Results\vis_4.csv" TargetMode="External"/></Relationships>
</file>

<file path=word/charts/_rels/chartEx3.xml.rels><?xml version="1.0" encoding="UTF-8" standalone="yes"?>
<Relationships xmlns="http://schemas.openxmlformats.org/package/2006/relationships"><Relationship Id="rId3" Type="http://schemas.microsoft.com/office/2011/relationships/chartColorStyle" Target="colors3.xml"/><Relationship Id="rId2" Type="http://schemas.microsoft.com/office/2011/relationships/chartStyle" Target="style3.xml"/><Relationship Id="rId1" Type="http://schemas.openxmlformats.org/officeDocument/2006/relationships/oleObject" Target="file:///C:\Users\Student254566\OneDrive%20-%20Politechnika%20Wroclawska\s7\Metaheurystyki\MetaProject\MetaProject\4Results\vis_4.csv" TargetMode="External"/></Relationships>
</file>

<file path=word/charts/_rels/chartEx4.xml.rels><?xml version="1.0" encoding="UTF-8" standalone="yes"?>
<Relationships xmlns="http://schemas.openxmlformats.org/package/2006/relationships"><Relationship Id="rId3" Type="http://schemas.microsoft.com/office/2011/relationships/chartColorStyle" Target="colors4.xml"/><Relationship Id="rId2" Type="http://schemas.microsoft.com/office/2011/relationships/chartStyle" Target="style4.xml"/><Relationship Id="rId1" Type="http://schemas.openxmlformats.org/officeDocument/2006/relationships/oleObject" Target="file:///C:\Users\Student254566\OneDrive%20-%20Politechnika%20Wroclawska\s7\Metaheurystyki\MetaProject\MetaProject\4Results\vis_4.csv" TargetMode="External"/></Relationships>
</file>

<file path=word/charts/_rels/chartEx5.xml.rels><?xml version="1.0" encoding="UTF-8" standalone="yes"?>
<Relationships xmlns="http://schemas.openxmlformats.org/package/2006/relationships"><Relationship Id="rId3" Type="http://schemas.microsoft.com/office/2011/relationships/chartColorStyle" Target="colors5.xml"/><Relationship Id="rId2" Type="http://schemas.microsoft.com/office/2011/relationships/chartStyle" Target="style5.xml"/><Relationship Id="rId1" Type="http://schemas.openxmlformats.org/officeDocument/2006/relationships/oleObject" Target="file:///C:\Users\Student254566\OneDrive%20-%20Politechnika%20Wroclawska\s7\Metaheurystyki\MetaProject\MetaProject\4Results\vis_4.csv" TargetMode="Externa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l-P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hard_4_all_best!$A$1</c:f>
              <c:strCache>
                <c:ptCount val="1"/>
                <c:pt idx="0">
                  <c:v>EA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hard_4_all_best!$A$2:$A$15001</c:f>
              <c:numCache>
                <c:formatCode>General</c:formatCode>
                <c:ptCount val="15000"/>
                <c:pt idx="0">
                  <c:v>-7792988.0444845604</c:v>
                </c:pt>
                <c:pt idx="1">
                  <c:v>-7575772.3444970502</c:v>
                </c:pt>
                <c:pt idx="2">
                  <c:v>-7262473.3818545798</c:v>
                </c:pt>
                <c:pt idx="3">
                  <c:v>-7055973.5710201403</c:v>
                </c:pt>
                <c:pt idx="4">
                  <c:v>-6716541.6230418496</c:v>
                </c:pt>
                <c:pt idx="5">
                  <c:v>-6464579.6330264797</c:v>
                </c:pt>
                <c:pt idx="6">
                  <c:v>-6316501.8210969698</c:v>
                </c:pt>
                <c:pt idx="7">
                  <c:v>-6092558.2769178702</c:v>
                </c:pt>
                <c:pt idx="8">
                  <c:v>-6075545.1368458802</c:v>
                </c:pt>
                <c:pt idx="9">
                  <c:v>-5791122.8602108099</c:v>
                </c:pt>
                <c:pt idx="10">
                  <c:v>-5747697.7206700696</c:v>
                </c:pt>
                <c:pt idx="11">
                  <c:v>-5472527.1411102302</c:v>
                </c:pt>
                <c:pt idx="12">
                  <c:v>-5390849.3226512102</c:v>
                </c:pt>
                <c:pt idx="13">
                  <c:v>-5263114.9669774799</c:v>
                </c:pt>
                <c:pt idx="14">
                  <c:v>-5094590.7400315898</c:v>
                </c:pt>
                <c:pt idx="15">
                  <c:v>-4974088.2130646603</c:v>
                </c:pt>
                <c:pt idx="16">
                  <c:v>-4893594.2908804798</c:v>
                </c:pt>
                <c:pt idx="17">
                  <c:v>-4776748.4345306102</c:v>
                </c:pt>
                <c:pt idx="18">
                  <c:v>-4641030.6288937498</c:v>
                </c:pt>
                <c:pt idx="19">
                  <c:v>-4476782.2857392896</c:v>
                </c:pt>
                <c:pt idx="20">
                  <c:v>-4404798.5692865904</c:v>
                </c:pt>
                <c:pt idx="21">
                  <c:v>-4342663.9793817103</c:v>
                </c:pt>
                <c:pt idx="22">
                  <c:v>-4206147.7444535196</c:v>
                </c:pt>
                <c:pt idx="23">
                  <c:v>-4071380.00858521</c:v>
                </c:pt>
                <c:pt idx="24">
                  <c:v>-3949243.33735837</c:v>
                </c:pt>
                <c:pt idx="25">
                  <c:v>-3902988.70800691</c:v>
                </c:pt>
                <c:pt idx="26">
                  <c:v>-3784319.6231914801</c:v>
                </c:pt>
                <c:pt idx="27">
                  <c:v>-3746204.8714286098</c:v>
                </c:pt>
                <c:pt idx="28">
                  <c:v>-3692310.8959080498</c:v>
                </c:pt>
                <c:pt idx="29">
                  <c:v>-3557164.6266819201</c:v>
                </c:pt>
                <c:pt idx="30">
                  <c:v>-3546488.3956829398</c:v>
                </c:pt>
                <c:pt idx="31">
                  <c:v>-3467412.4047205299</c:v>
                </c:pt>
                <c:pt idx="32">
                  <c:v>-3362848.2665005</c:v>
                </c:pt>
                <c:pt idx="33">
                  <c:v>-3233314.3056537001</c:v>
                </c:pt>
                <c:pt idx="34">
                  <c:v>-3181889.1954123899</c:v>
                </c:pt>
                <c:pt idx="35">
                  <c:v>-3087952.5433958699</c:v>
                </c:pt>
                <c:pt idx="36">
                  <c:v>-3087952.5433958699</c:v>
                </c:pt>
                <c:pt idx="37">
                  <c:v>-3063394.46904029</c:v>
                </c:pt>
                <c:pt idx="38">
                  <c:v>-3011079.68758462</c:v>
                </c:pt>
                <c:pt idx="39">
                  <c:v>-2971574.6216883501</c:v>
                </c:pt>
                <c:pt idx="40">
                  <c:v>-2931034.2569108498</c:v>
                </c:pt>
                <c:pt idx="41">
                  <c:v>-2909635.3514765799</c:v>
                </c:pt>
                <c:pt idx="42">
                  <c:v>-2881138.64862588</c:v>
                </c:pt>
                <c:pt idx="43">
                  <c:v>-2857335.1964902501</c:v>
                </c:pt>
                <c:pt idx="44">
                  <c:v>-2828301.28032307</c:v>
                </c:pt>
                <c:pt idx="45">
                  <c:v>-2801591.46746916</c:v>
                </c:pt>
                <c:pt idx="46">
                  <c:v>-2738025.1810517302</c:v>
                </c:pt>
                <c:pt idx="47">
                  <c:v>-2692516.61553687</c:v>
                </c:pt>
                <c:pt idx="48">
                  <c:v>-2664863.44960484</c:v>
                </c:pt>
                <c:pt idx="49">
                  <c:v>-2657669.0268253302</c:v>
                </c:pt>
                <c:pt idx="50">
                  <c:v>-2618162.0049838899</c:v>
                </c:pt>
                <c:pt idx="51">
                  <c:v>-2595411.6346859401</c:v>
                </c:pt>
                <c:pt idx="52">
                  <c:v>-2568298.2020225599</c:v>
                </c:pt>
                <c:pt idx="53">
                  <c:v>-2547583.5733070201</c:v>
                </c:pt>
                <c:pt idx="54">
                  <c:v>-2517791.0254609301</c:v>
                </c:pt>
                <c:pt idx="55">
                  <c:v>-2510511.1242238102</c:v>
                </c:pt>
                <c:pt idx="56">
                  <c:v>-2453253.4050926501</c:v>
                </c:pt>
                <c:pt idx="57">
                  <c:v>-2423049.7554444801</c:v>
                </c:pt>
                <c:pt idx="58">
                  <c:v>-2389473.0438331501</c:v>
                </c:pt>
                <c:pt idx="59">
                  <c:v>-2367329.9057078701</c:v>
                </c:pt>
                <c:pt idx="60">
                  <c:v>-2345169.7982026301</c:v>
                </c:pt>
                <c:pt idx="61">
                  <c:v>-2308931.2292901999</c:v>
                </c:pt>
                <c:pt idx="62">
                  <c:v>-2279583.9561547898</c:v>
                </c:pt>
                <c:pt idx="63">
                  <c:v>-2256364.9526453498</c:v>
                </c:pt>
                <c:pt idx="64">
                  <c:v>-2217713.7406305098</c:v>
                </c:pt>
                <c:pt idx="65">
                  <c:v>-2194592.91635371</c:v>
                </c:pt>
                <c:pt idx="66">
                  <c:v>-2178077.9072461701</c:v>
                </c:pt>
                <c:pt idx="67">
                  <c:v>-2163364.2296913201</c:v>
                </c:pt>
                <c:pt idx="68">
                  <c:v>-2094815.7830412399</c:v>
                </c:pt>
                <c:pt idx="69">
                  <c:v>-2080571.6315498799</c:v>
                </c:pt>
                <c:pt idx="70">
                  <c:v>-2045529.6700442301</c:v>
                </c:pt>
                <c:pt idx="71">
                  <c:v>-2039265.7192069499</c:v>
                </c:pt>
                <c:pt idx="72">
                  <c:v>-2032975.99823736</c:v>
                </c:pt>
                <c:pt idx="73">
                  <c:v>-2020234.00624075</c:v>
                </c:pt>
                <c:pt idx="74">
                  <c:v>-2007224.389804</c:v>
                </c:pt>
                <c:pt idx="75">
                  <c:v>-1993020.7177784001</c:v>
                </c:pt>
                <c:pt idx="76">
                  <c:v>-1970819.36111941</c:v>
                </c:pt>
                <c:pt idx="77">
                  <c:v>-1959849.3859546101</c:v>
                </c:pt>
                <c:pt idx="78">
                  <c:v>-1949427.2369390901</c:v>
                </c:pt>
                <c:pt idx="79">
                  <c:v>-1935325.37255298</c:v>
                </c:pt>
                <c:pt idx="80">
                  <c:v>-1912398.3174990499</c:v>
                </c:pt>
                <c:pt idx="81">
                  <c:v>-1893678.73308585</c:v>
                </c:pt>
                <c:pt idx="82">
                  <c:v>-1877810.7122869</c:v>
                </c:pt>
                <c:pt idx="83">
                  <c:v>-1857956.95188137</c:v>
                </c:pt>
                <c:pt idx="84">
                  <c:v>-1845144.0342448701</c:v>
                </c:pt>
                <c:pt idx="85">
                  <c:v>-1826142.02581892</c:v>
                </c:pt>
                <c:pt idx="86">
                  <c:v>-1801804.3189858401</c:v>
                </c:pt>
                <c:pt idx="87">
                  <c:v>-1788480.1451739599</c:v>
                </c:pt>
                <c:pt idx="88">
                  <c:v>-1776837.13574396</c:v>
                </c:pt>
                <c:pt idx="89">
                  <c:v>-1761768.43660345</c:v>
                </c:pt>
                <c:pt idx="90">
                  <c:v>-1738341.9621375001</c:v>
                </c:pt>
                <c:pt idx="91">
                  <c:v>-1730611.2531248501</c:v>
                </c:pt>
                <c:pt idx="92">
                  <c:v>-1704026.6779394201</c:v>
                </c:pt>
                <c:pt idx="93">
                  <c:v>-1678217.10107747</c:v>
                </c:pt>
                <c:pt idx="94">
                  <c:v>-1671363.96545036</c:v>
                </c:pt>
                <c:pt idx="95">
                  <c:v>-1662600.6952417199</c:v>
                </c:pt>
                <c:pt idx="96">
                  <c:v>-1646279.87010347</c:v>
                </c:pt>
                <c:pt idx="97">
                  <c:v>-1632245.0841898001</c:v>
                </c:pt>
                <c:pt idx="98">
                  <c:v>-1616665.89424178</c:v>
                </c:pt>
                <c:pt idx="99">
                  <c:v>-1599523.78269657</c:v>
                </c:pt>
                <c:pt idx="100">
                  <c:v>-1575684.0198357301</c:v>
                </c:pt>
                <c:pt idx="101">
                  <c:v>-1569781.5110019399</c:v>
                </c:pt>
                <c:pt idx="102">
                  <c:v>-1561570.8788110099</c:v>
                </c:pt>
                <c:pt idx="103">
                  <c:v>-1552257.4152627799</c:v>
                </c:pt>
                <c:pt idx="104">
                  <c:v>-1539056.64279263</c:v>
                </c:pt>
                <c:pt idx="105">
                  <c:v>-1519055.39500813</c:v>
                </c:pt>
                <c:pt idx="106">
                  <c:v>-1506033.83522138</c:v>
                </c:pt>
                <c:pt idx="107">
                  <c:v>-1493453.8304784601</c:v>
                </c:pt>
                <c:pt idx="108">
                  <c:v>-1471630.5106721399</c:v>
                </c:pt>
                <c:pt idx="109">
                  <c:v>-1462054.4605701601</c:v>
                </c:pt>
                <c:pt idx="110">
                  <c:v>-1445373.8971982501</c:v>
                </c:pt>
                <c:pt idx="111">
                  <c:v>-1435969.97865183</c:v>
                </c:pt>
                <c:pt idx="112">
                  <c:v>-1420225.4085341799</c:v>
                </c:pt>
                <c:pt idx="113">
                  <c:v>-1400886.93017391</c:v>
                </c:pt>
                <c:pt idx="114">
                  <c:v>-1381818.8492815199</c:v>
                </c:pt>
                <c:pt idx="115">
                  <c:v>-1370015.05721355</c:v>
                </c:pt>
                <c:pt idx="116">
                  <c:v>-1355769.98349897</c:v>
                </c:pt>
                <c:pt idx="117">
                  <c:v>-1346668.2902019699</c:v>
                </c:pt>
                <c:pt idx="118">
                  <c:v>-1333664.7906625001</c:v>
                </c:pt>
                <c:pt idx="119">
                  <c:v>-1331190.2172489199</c:v>
                </c:pt>
                <c:pt idx="120">
                  <c:v>-1319023.5406355199</c:v>
                </c:pt>
                <c:pt idx="121">
                  <c:v>-1310905.96410456</c:v>
                </c:pt>
                <c:pt idx="122">
                  <c:v>-1301400.6319170101</c:v>
                </c:pt>
                <c:pt idx="123">
                  <c:v>-1287918.2420435201</c:v>
                </c:pt>
                <c:pt idx="124">
                  <c:v>-1271690.8305979399</c:v>
                </c:pt>
                <c:pt idx="125">
                  <c:v>-1263271.9957959801</c:v>
                </c:pt>
                <c:pt idx="126">
                  <c:v>-1254167.61708754</c:v>
                </c:pt>
                <c:pt idx="127">
                  <c:v>-1234235.0269135099</c:v>
                </c:pt>
                <c:pt idx="128">
                  <c:v>-1227004.77688754</c:v>
                </c:pt>
                <c:pt idx="129">
                  <c:v>-1224415.17715883</c:v>
                </c:pt>
                <c:pt idx="130">
                  <c:v>-1213913.36028264</c:v>
                </c:pt>
                <c:pt idx="131">
                  <c:v>-1205338.0070911199</c:v>
                </c:pt>
                <c:pt idx="132">
                  <c:v>-1189941.6169034101</c:v>
                </c:pt>
                <c:pt idx="133">
                  <c:v>-1184562.7448424201</c:v>
                </c:pt>
                <c:pt idx="134">
                  <c:v>-1171266.1021028601</c:v>
                </c:pt>
                <c:pt idx="135">
                  <c:v>-1162877.1116087099</c:v>
                </c:pt>
                <c:pt idx="136">
                  <c:v>-1154940.06757201</c:v>
                </c:pt>
                <c:pt idx="137">
                  <c:v>-1148572.9939630099</c:v>
                </c:pt>
                <c:pt idx="138">
                  <c:v>-1141080.3614673601</c:v>
                </c:pt>
                <c:pt idx="139">
                  <c:v>-1131362.84567005</c:v>
                </c:pt>
                <c:pt idx="140">
                  <c:v>-1121594.1372843899</c:v>
                </c:pt>
                <c:pt idx="141">
                  <c:v>-1114120.16384431</c:v>
                </c:pt>
                <c:pt idx="142">
                  <c:v>-1099299.4832448401</c:v>
                </c:pt>
                <c:pt idx="143">
                  <c:v>-1091281.2097865201</c:v>
                </c:pt>
                <c:pt idx="144">
                  <c:v>-1084104.86306705</c:v>
                </c:pt>
                <c:pt idx="145">
                  <c:v>-1055085.7708184901</c:v>
                </c:pt>
                <c:pt idx="146">
                  <c:v>-1050324.46724329</c:v>
                </c:pt>
                <c:pt idx="147">
                  <c:v>-1038638.64117479</c:v>
                </c:pt>
                <c:pt idx="148">
                  <c:v>-1030692.21638187</c:v>
                </c:pt>
                <c:pt idx="149">
                  <c:v>-1027551.7502064999</c:v>
                </c:pt>
                <c:pt idx="150">
                  <c:v>-1014969.60768675</c:v>
                </c:pt>
                <c:pt idx="151">
                  <c:v>-1008249.7774067899</c:v>
                </c:pt>
                <c:pt idx="152">
                  <c:v>-995144.84834446898</c:v>
                </c:pt>
                <c:pt idx="153">
                  <c:v>-981548.11543774605</c:v>
                </c:pt>
                <c:pt idx="154">
                  <c:v>-960610.517041057</c:v>
                </c:pt>
                <c:pt idx="155">
                  <c:v>-947024.20316023496</c:v>
                </c:pt>
                <c:pt idx="156">
                  <c:v>-943348.05016634904</c:v>
                </c:pt>
                <c:pt idx="157">
                  <c:v>-931706.79264167603</c:v>
                </c:pt>
                <c:pt idx="158">
                  <c:v>-928405.91675030603</c:v>
                </c:pt>
                <c:pt idx="159">
                  <c:v>-915343.63502839406</c:v>
                </c:pt>
                <c:pt idx="160">
                  <c:v>-904995.48029324401</c:v>
                </c:pt>
                <c:pt idx="161">
                  <c:v>-896870.18283751397</c:v>
                </c:pt>
                <c:pt idx="162">
                  <c:v>-895531.12081647501</c:v>
                </c:pt>
                <c:pt idx="163">
                  <c:v>-868603.62756500603</c:v>
                </c:pt>
                <c:pt idx="164">
                  <c:v>-858837.74808277003</c:v>
                </c:pt>
                <c:pt idx="165">
                  <c:v>-854689.25587342796</c:v>
                </c:pt>
                <c:pt idx="166">
                  <c:v>-850755.41306699498</c:v>
                </c:pt>
                <c:pt idx="167">
                  <c:v>-845763.80271176598</c:v>
                </c:pt>
                <c:pt idx="168">
                  <c:v>-836844.604799825</c:v>
                </c:pt>
                <c:pt idx="169">
                  <c:v>-829124.008722211</c:v>
                </c:pt>
                <c:pt idx="170">
                  <c:v>-816581.63015340897</c:v>
                </c:pt>
                <c:pt idx="171">
                  <c:v>-806199.37755628105</c:v>
                </c:pt>
                <c:pt idx="172">
                  <c:v>-795272.682949043</c:v>
                </c:pt>
                <c:pt idx="173">
                  <c:v>-792885.14470421697</c:v>
                </c:pt>
                <c:pt idx="174">
                  <c:v>-780210.68074888398</c:v>
                </c:pt>
                <c:pt idx="175">
                  <c:v>-773981.80465447903</c:v>
                </c:pt>
                <c:pt idx="176">
                  <c:v>-767348.64244749304</c:v>
                </c:pt>
                <c:pt idx="177">
                  <c:v>-762857.76977488399</c:v>
                </c:pt>
                <c:pt idx="178">
                  <c:v>-758790.367039865</c:v>
                </c:pt>
                <c:pt idx="179">
                  <c:v>-755597.42120848305</c:v>
                </c:pt>
                <c:pt idx="180">
                  <c:v>-753464.80168194999</c:v>
                </c:pt>
                <c:pt idx="181">
                  <c:v>-747768.38391199103</c:v>
                </c:pt>
                <c:pt idx="182">
                  <c:v>-746274.91502653703</c:v>
                </c:pt>
                <c:pt idx="183">
                  <c:v>-739735.00325635995</c:v>
                </c:pt>
                <c:pt idx="184">
                  <c:v>-733180.37976269796</c:v>
                </c:pt>
                <c:pt idx="185">
                  <c:v>-728424.08501671604</c:v>
                </c:pt>
                <c:pt idx="186">
                  <c:v>-724508.34650214901</c:v>
                </c:pt>
                <c:pt idx="187">
                  <c:v>-713767.76076027402</c:v>
                </c:pt>
                <c:pt idx="188">
                  <c:v>-713533.18850002997</c:v>
                </c:pt>
                <c:pt idx="189">
                  <c:v>-704321.42728809803</c:v>
                </c:pt>
                <c:pt idx="190">
                  <c:v>-696213.17755379097</c:v>
                </c:pt>
                <c:pt idx="191">
                  <c:v>-688511.14843706798</c:v>
                </c:pt>
                <c:pt idx="192">
                  <c:v>-681992.91375793901</c:v>
                </c:pt>
                <c:pt idx="193">
                  <c:v>-675237.18615865195</c:v>
                </c:pt>
                <c:pt idx="194">
                  <c:v>-669335.79139646096</c:v>
                </c:pt>
                <c:pt idx="195">
                  <c:v>-662448.26507047797</c:v>
                </c:pt>
                <c:pt idx="196">
                  <c:v>-655062.64914029895</c:v>
                </c:pt>
                <c:pt idx="197">
                  <c:v>-651741.46259148198</c:v>
                </c:pt>
                <c:pt idx="198">
                  <c:v>-645386.16330185998</c:v>
                </c:pt>
                <c:pt idx="199">
                  <c:v>-643504.70135422505</c:v>
                </c:pt>
                <c:pt idx="200">
                  <c:v>-639002.01328376099</c:v>
                </c:pt>
                <c:pt idx="201">
                  <c:v>-633554.164970616</c:v>
                </c:pt>
                <c:pt idx="202">
                  <c:v>-630384.09428512899</c:v>
                </c:pt>
                <c:pt idx="203">
                  <c:v>-621263.92126727896</c:v>
                </c:pt>
                <c:pt idx="204">
                  <c:v>-617381.60965831601</c:v>
                </c:pt>
                <c:pt idx="205">
                  <c:v>-605335.131964072</c:v>
                </c:pt>
                <c:pt idx="206">
                  <c:v>-594618.25918807904</c:v>
                </c:pt>
                <c:pt idx="207">
                  <c:v>-589624.14993017097</c:v>
                </c:pt>
                <c:pt idx="208">
                  <c:v>-584539.49073692097</c:v>
                </c:pt>
                <c:pt idx="209">
                  <c:v>-579545.38147901196</c:v>
                </c:pt>
                <c:pt idx="210">
                  <c:v>-575074.49804952706</c:v>
                </c:pt>
                <c:pt idx="211">
                  <c:v>-567320.62488975096</c:v>
                </c:pt>
                <c:pt idx="212">
                  <c:v>-563835.19474375097</c:v>
                </c:pt>
                <c:pt idx="213">
                  <c:v>-558435.50309032097</c:v>
                </c:pt>
                <c:pt idx="214">
                  <c:v>-549847.56158321898</c:v>
                </c:pt>
                <c:pt idx="215">
                  <c:v>-544521.57140972896</c:v>
                </c:pt>
                <c:pt idx="216">
                  <c:v>-538658.74481077399</c:v>
                </c:pt>
                <c:pt idx="217">
                  <c:v>-529250.275171972</c:v>
                </c:pt>
                <c:pt idx="218">
                  <c:v>-521018.23950536101</c:v>
                </c:pt>
                <c:pt idx="219">
                  <c:v>-510880.70671598898</c:v>
                </c:pt>
                <c:pt idx="220">
                  <c:v>-508288.43394649</c:v>
                </c:pt>
                <c:pt idx="221">
                  <c:v>-500321.731186316</c:v>
                </c:pt>
                <c:pt idx="222">
                  <c:v>-495319.59071949101</c:v>
                </c:pt>
                <c:pt idx="223">
                  <c:v>-490524.27551218099</c:v>
                </c:pt>
                <c:pt idx="224">
                  <c:v>-484113.11036503903</c:v>
                </c:pt>
                <c:pt idx="225">
                  <c:v>-470186.00307510799</c:v>
                </c:pt>
                <c:pt idx="226">
                  <c:v>-455453.02816067601</c:v>
                </c:pt>
                <c:pt idx="227">
                  <c:v>-455359.23787552502</c:v>
                </c:pt>
                <c:pt idx="228">
                  <c:v>-449710.32469310903</c:v>
                </c:pt>
                <c:pt idx="229">
                  <c:v>-444180.28057999897</c:v>
                </c:pt>
                <c:pt idx="230">
                  <c:v>-442573.026543852</c:v>
                </c:pt>
                <c:pt idx="231">
                  <c:v>-433624.64074362902</c:v>
                </c:pt>
                <c:pt idx="232">
                  <c:v>-429773.60802159301</c:v>
                </c:pt>
                <c:pt idx="233">
                  <c:v>-427069.56979968102</c:v>
                </c:pt>
                <c:pt idx="234">
                  <c:v>-419400.93176846602</c:v>
                </c:pt>
                <c:pt idx="235">
                  <c:v>-415675.08501456201</c:v>
                </c:pt>
                <c:pt idx="236">
                  <c:v>-410521.219685752</c:v>
                </c:pt>
                <c:pt idx="237">
                  <c:v>-408174.29731544602</c:v>
                </c:pt>
                <c:pt idx="238">
                  <c:v>-400122.61646469001</c:v>
                </c:pt>
                <c:pt idx="239">
                  <c:v>-395001.822452238</c:v>
                </c:pt>
                <c:pt idx="240">
                  <c:v>-386628.11136329401</c:v>
                </c:pt>
                <c:pt idx="241">
                  <c:v>-380511.64212290698</c:v>
                </c:pt>
                <c:pt idx="242">
                  <c:v>-379620.693900991</c:v>
                </c:pt>
                <c:pt idx="243">
                  <c:v>-374445.20020057203</c:v>
                </c:pt>
                <c:pt idx="244">
                  <c:v>-370527.16867222701</c:v>
                </c:pt>
                <c:pt idx="245">
                  <c:v>-368177.716819764</c:v>
                </c:pt>
                <c:pt idx="246">
                  <c:v>-365992.40652516001</c:v>
                </c:pt>
                <c:pt idx="247">
                  <c:v>-361366.78354842903</c:v>
                </c:pt>
                <c:pt idx="248">
                  <c:v>-355682.94815848599</c:v>
                </c:pt>
                <c:pt idx="249">
                  <c:v>-352551.56106555002</c:v>
                </c:pt>
                <c:pt idx="250">
                  <c:v>-343822.05162734498</c:v>
                </c:pt>
                <c:pt idx="251">
                  <c:v>-338071.81272322597</c:v>
                </c:pt>
                <c:pt idx="252">
                  <c:v>-327210.92432943499</c:v>
                </c:pt>
                <c:pt idx="253">
                  <c:v>-327210.92432943499</c:v>
                </c:pt>
                <c:pt idx="254">
                  <c:v>-323322.21810184099</c:v>
                </c:pt>
                <c:pt idx="255">
                  <c:v>-320696.24913001503</c:v>
                </c:pt>
                <c:pt idx="256">
                  <c:v>-318354.81951590098</c:v>
                </c:pt>
                <c:pt idx="257">
                  <c:v>-313808.79311714898</c:v>
                </c:pt>
                <c:pt idx="258">
                  <c:v>-308213.22440465202</c:v>
                </c:pt>
                <c:pt idx="259">
                  <c:v>-304349.01743703702</c:v>
                </c:pt>
                <c:pt idx="260">
                  <c:v>-299685.04765898199</c:v>
                </c:pt>
                <c:pt idx="261">
                  <c:v>-293656.76477061299</c:v>
                </c:pt>
                <c:pt idx="262">
                  <c:v>-292823.32823223399</c:v>
                </c:pt>
                <c:pt idx="263">
                  <c:v>-291504.84499691997</c:v>
                </c:pt>
                <c:pt idx="264">
                  <c:v>-288428.45001801901</c:v>
                </c:pt>
                <c:pt idx="265">
                  <c:v>-280980.29111820098</c:v>
                </c:pt>
                <c:pt idx="266">
                  <c:v>-278578.87646413402</c:v>
                </c:pt>
                <c:pt idx="267">
                  <c:v>-274129.61235280102</c:v>
                </c:pt>
                <c:pt idx="268">
                  <c:v>-272201.33394351701</c:v>
                </c:pt>
                <c:pt idx="269">
                  <c:v>-270646.244195965</c:v>
                </c:pt>
                <c:pt idx="270">
                  <c:v>-266942.92070888297</c:v>
                </c:pt>
                <c:pt idx="271">
                  <c:v>-263405.50849252398</c:v>
                </c:pt>
                <c:pt idx="272">
                  <c:v>-259255.207267591</c:v>
                </c:pt>
                <c:pt idx="273">
                  <c:v>-252596.87359538401</c:v>
                </c:pt>
                <c:pt idx="274">
                  <c:v>-247184.63322206101</c:v>
                </c:pt>
                <c:pt idx="275">
                  <c:v>-244030.08147312101</c:v>
                </c:pt>
                <c:pt idx="276">
                  <c:v>-241852.43536917999</c:v>
                </c:pt>
                <c:pt idx="277">
                  <c:v>-239866.99608311901</c:v>
                </c:pt>
                <c:pt idx="278">
                  <c:v>-232707.97994879601</c:v>
                </c:pt>
                <c:pt idx="279">
                  <c:v>-226298.55134666199</c:v>
                </c:pt>
                <c:pt idx="280">
                  <c:v>-220024.41659112999</c:v>
                </c:pt>
                <c:pt idx="281">
                  <c:v>-215284.81663824501</c:v>
                </c:pt>
                <c:pt idx="282">
                  <c:v>-213209.106557636</c:v>
                </c:pt>
                <c:pt idx="283">
                  <c:v>-207683.38513519199</c:v>
                </c:pt>
                <c:pt idx="284">
                  <c:v>-205851.94551174901</c:v>
                </c:pt>
                <c:pt idx="285">
                  <c:v>-199185.33204264799</c:v>
                </c:pt>
                <c:pt idx="286">
                  <c:v>-196991.71063217701</c:v>
                </c:pt>
                <c:pt idx="287">
                  <c:v>-193507.84896135901</c:v>
                </c:pt>
                <c:pt idx="288">
                  <c:v>-190797.12037382001</c:v>
                </c:pt>
                <c:pt idx="289">
                  <c:v>-185865.28045726099</c:v>
                </c:pt>
                <c:pt idx="290">
                  <c:v>-184527.724914091</c:v>
                </c:pt>
                <c:pt idx="291">
                  <c:v>-180723.80062853801</c:v>
                </c:pt>
                <c:pt idx="292">
                  <c:v>-180659.46408742899</c:v>
                </c:pt>
                <c:pt idx="293">
                  <c:v>-176744.66481797901</c:v>
                </c:pt>
                <c:pt idx="294">
                  <c:v>-172853.59988593799</c:v>
                </c:pt>
                <c:pt idx="295">
                  <c:v>-172853.59988593799</c:v>
                </c:pt>
                <c:pt idx="296">
                  <c:v>-170116.110716681</c:v>
                </c:pt>
                <c:pt idx="297">
                  <c:v>-166228.734930654</c:v>
                </c:pt>
                <c:pt idx="298">
                  <c:v>-160406.298217934</c:v>
                </c:pt>
                <c:pt idx="299">
                  <c:v>-155510.59620931101</c:v>
                </c:pt>
                <c:pt idx="300">
                  <c:v>-150205.570594508</c:v>
                </c:pt>
                <c:pt idx="301">
                  <c:v>-140516.12518514201</c:v>
                </c:pt>
                <c:pt idx="302">
                  <c:v>-138538.616571119</c:v>
                </c:pt>
                <c:pt idx="303">
                  <c:v>-135013.195991296</c:v>
                </c:pt>
                <c:pt idx="304">
                  <c:v>-130585.851872713</c:v>
                </c:pt>
                <c:pt idx="305">
                  <c:v>-127502.649787459</c:v>
                </c:pt>
                <c:pt idx="306">
                  <c:v>-125354.85331205701</c:v>
                </c:pt>
                <c:pt idx="307">
                  <c:v>-118103.103046224</c:v>
                </c:pt>
                <c:pt idx="308">
                  <c:v>-115843.813170635</c:v>
                </c:pt>
                <c:pt idx="309">
                  <c:v>-110531.87679502201</c:v>
                </c:pt>
                <c:pt idx="310">
                  <c:v>-107392.29379497599</c:v>
                </c:pt>
                <c:pt idx="311">
                  <c:v>-103895.50665806</c:v>
                </c:pt>
                <c:pt idx="312">
                  <c:v>-99883.3697560867</c:v>
                </c:pt>
                <c:pt idx="313">
                  <c:v>-91047.485195637404</c:v>
                </c:pt>
                <c:pt idx="314">
                  <c:v>-87396.739582911396</c:v>
                </c:pt>
                <c:pt idx="315">
                  <c:v>-85951.274394049498</c:v>
                </c:pt>
                <c:pt idx="316">
                  <c:v>-83031.177613625798</c:v>
                </c:pt>
                <c:pt idx="317">
                  <c:v>-77245.090546295498</c:v>
                </c:pt>
                <c:pt idx="318">
                  <c:v>-70189.620517353105</c:v>
                </c:pt>
                <c:pt idx="319">
                  <c:v>-64753.426711292501</c:v>
                </c:pt>
                <c:pt idx="320">
                  <c:v>-64753.426711292501</c:v>
                </c:pt>
                <c:pt idx="321">
                  <c:v>-63062.814348669701</c:v>
                </c:pt>
                <c:pt idx="322">
                  <c:v>-61083.386982481003</c:v>
                </c:pt>
                <c:pt idx="323">
                  <c:v>-57816.247002057302</c:v>
                </c:pt>
                <c:pt idx="324">
                  <c:v>-55684.145565047897</c:v>
                </c:pt>
                <c:pt idx="325">
                  <c:v>-55684.145565047897</c:v>
                </c:pt>
                <c:pt idx="326">
                  <c:v>-52566.572527770702</c:v>
                </c:pt>
                <c:pt idx="327">
                  <c:v>-51909.7402067152</c:v>
                </c:pt>
                <c:pt idx="328">
                  <c:v>-47416.801094990697</c:v>
                </c:pt>
                <c:pt idx="329">
                  <c:v>-43870.911475282599</c:v>
                </c:pt>
                <c:pt idx="330">
                  <c:v>-41319.0441091182</c:v>
                </c:pt>
                <c:pt idx="331">
                  <c:v>-39359.318259861298</c:v>
                </c:pt>
                <c:pt idx="332">
                  <c:v>-35740.5169131332</c:v>
                </c:pt>
                <c:pt idx="333">
                  <c:v>-31535.059479628198</c:v>
                </c:pt>
                <c:pt idx="334">
                  <c:v>-28321.939474232498</c:v>
                </c:pt>
                <c:pt idx="335">
                  <c:v>-27656.361848580698</c:v>
                </c:pt>
                <c:pt idx="336">
                  <c:v>-24540.5692339044</c:v>
                </c:pt>
                <c:pt idx="337">
                  <c:v>-22013.515692249399</c:v>
                </c:pt>
                <c:pt idx="338">
                  <c:v>-20657.355669776902</c:v>
                </c:pt>
                <c:pt idx="339">
                  <c:v>-17298.6684769883</c:v>
                </c:pt>
                <c:pt idx="340">
                  <c:v>-17053.3652202843</c:v>
                </c:pt>
                <c:pt idx="341">
                  <c:v>-14400.6216249885</c:v>
                </c:pt>
                <c:pt idx="342">
                  <c:v>-12078.349116424301</c:v>
                </c:pt>
                <c:pt idx="343">
                  <c:v>-8436.7713173290194</c:v>
                </c:pt>
                <c:pt idx="344">
                  <c:v>-4677.9423735591099</c:v>
                </c:pt>
                <c:pt idx="345">
                  <c:v>-1239.92168413987</c:v>
                </c:pt>
                <c:pt idx="346">
                  <c:v>4358.2262662327803</c:v>
                </c:pt>
                <c:pt idx="347">
                  <c:v>10221.976280295799</c:v>
                </c:pt>
                <c:pt idx="348">
                  <c:v>14886.224228770499</c:v>
                </c:pt>
                <c:pt idx="349">
                  <c:v>16503.819428855099</c:v>
                </c:pt>
                <c:pt idx="350">
                  <c:v>19377.888251656201</c:v>
                </c:pt>
                <c:pt idx="351">
                  <c:v>23747.494028052301</c:v>
                </c:pt>
                <c:pt idx="352">
                  <c:v>25886.666163913898</c:v>
                </c:pt>
                <c:pt idx="353">
                  <c:v>35111.456991421997</c:v>
                </c:pt>
                <c:pt idx="354">
                  <c:v>36843.560079253301</c:v>
                </c:pt>
                <c:pt idx="355">
                  <c:v>42796.658373943501</c:v>
                </c:pt>
                <c:pt idx="356">
                  <c:v>46924.340116278698</c:v>
                </c:pt>
                <c:pt idx="357">
                  <c:v>49707.909188137899</c:v>
                </c:pt>
                <c:pt idx="358">
                  <c:v>50335.643403932503</c:v>
                </c:pt>
                <c:pt idx="359">
                  <c:v>50672.181644339602</c:v>
                </c:pt>
                <c:pt idx="360">
                  <c:v>57778.839889686598</c:v>
                </c:pt>
                <c:pt idx="361">
                  <c:v>57983.871552090197</c:v>
                </c:pt>
                <c:pt idx="362">
                  <c:v>63028.672406429403</c:v>
                </c:pt>
                <c:pt idx="363">
                  <c:v>65973.8962537404</c:v>
                </c:pt>
                <c:pt idx="364">
                  <c:v>66529.1190181454</c:v>
                </c:pt>
                <c:pt idx="365">
                  <c:v>66655.775002002294</c:v>
                </c:pt>
                <c:pt idx="366">
                  <c:v>70996.062464535702</c:v>
                </c:pt>
                <c:pt idx="367">
                  <c:v>73701.573111136895</c:v>
                </c:pt>
                <c:pt idx="368">
                  <c:v>74178.420196995095</c:v>
                </c:pt>
                <c:pt idx="369">
                  <c:v>77839.095797945702</c:v>
                </c:pt>
                <c:pt idx="370">
                  <c:v>78338.247038412403</c:v>
                </c:pt>
                <c:pt idx="371">
                  <c:v>82343.4334334382</c:v>
                </c:pt>
                <c:pt idx="372">
                  <c:v>87852.3500706411</c:v>
                </c:pt>
                <c:pt idx="373">
                  <c:v>88428.569130718199</c:v>
                </c:pt>
                <c:pt idx="374">
                  <c:v>90095.637270968902</c:v>
                </c:pt>
                <c:pt idx="375">
                  <c:v>92212.722525326506</c:v>
                </c:pt>
                <c:pt idx="376">
                  <c:v>92437.481277159401</c:v>
                </c:pt>
                <c:pt idx="377">
                  <c:v>95170.728847849605</c:v>
                </c:pt>
                <c:pt idx="378">
                  <c:v>96535.219673465195</c:v>
                </c:pt>
                <c:pt idx="379">
                  <c:v>98864.748456489993</c:v>
                </c:pt>
                <c:pt idx="380">
                  <c:v>101955.498618799</c:v>
                </c:pt>
                <c:pt idx="381">
                  <c:v>102167.942147466</c:v>
                </c:pt>
                <c:pt idx="382">
                  <c:v>103162.983313989</c:v>
                </c:pt>
                <c:pt idx="383">
                  <c:v>106380.175868468</c:v>
                </c:pt>
                <c:pt idx="384">
                  <c:v>106592.619397135</c:v>
                </c:pt>
                <c:pt idx="385">
                  <c:v>108226.74892769</c:v>
                </c:pt>
                <c:pt idx="386">
                  <c:v>109063.301392464</c:v>
                </c:pt>
                <c:pt idx="387">
                  <c:v>111053.95554008899</c:v>
                </c:pt>
                <c:pt idx="388">
                  <c:v>115149.60051075699</c:v>
                </c:pt>
                <c:pt idx="389">
                  <c:v>117308.749966345</c:v>
                </c:pt>
                <c:pt idx="390">
                  <c:v>119276.23707097401</c:v>
                </c:pt>
                <c:pt idx="391">
                  <c:v>123833.79809665801</c:v>
                </c:pt>
                <c:pt idx="392">
                  <c:v>124223.42464626201</c:v>
                </c:pt>
                <c:pt idx="393">
                  <c:v>129788.911346932</c:v>
                </c:pt>
                <c:pt idx="394">
                  <c:v>129788.911346932</c:v>
                </c:pt>
                <c:pt idx="395">
                  <c:v>134201.61563871801</c:v>
                </c:pt>
                <c:pt idx="396">
                  <c:v>135508.563950777</c:v>
                </c:pt>
                <c:pt idx="397">
                  <c:v>139532.010491489</c:v>
                </c:pt>
                <c:pt idx="398">
                  <c:v>139754.272680942</c:v>
                </c:pt>
                <c:pt idx="399">
                  <c:v>141739.59617577799</c:v>
                </c:pt>
                <c:pt idx="400">
                  <c:v>144201.68577482901</c:v>
                </c:pt>
                <c:pt idx="401">
                  <c:v>148429.92030343399</c:v>
                </c:pt>
                <c:pt idx="402">
                  <c:v>149219.86052436999</c:v>
                </c:pt>
                <c:pt idx="403">
                  <c:v>151522.37097689399</c:v>
                </c:pt>
                <c:pt idx="404">
                  <c:v>151794.770806082</c:v>
                </c:pt>
                <c:pt idx="405">
                  <c:v>154365.749885133</c:v>
                </c:pt>
                <c:pt idx="406">
                  <c:v>155494.90629616199</c:v>
                </c:pt>
                <c:pt idx="407">
                  <c:v>158344.41190729901</c:v>
                </c:pt>
                <c:pt idx="408">
                  <c:v>159410.01591485299</c:v>
                </c:pt>
                <c:pt idx="409">
                  <c:v>162336.80882292401</c:v>
                </c:pt>
                <c:pt idx="410">
                  <c:v>166036.59780172899</c:v>
                </c:pt>
                <c:pt idx="411">
                  <c:v>168719.77851468101</c:v>
                </c:pt>
                <c:pt idx="412">
                  <c:v>172558.348956089</c:v>
                </c:pt>
                <c:pt idx="413">
                  <c:v>174678.05776260499</c:v>
                </c:pt>
                <c:pt idx="414">
                  <c:v>176213.70990789801</c:v>
                </c:pt>
                <c:pt idx="415">
                  <c:v>177374.064656503</c:v>
                </c:pt>
                <c:pt idx="416">
                  <c:v>181029.42560831201</c:v>
                </c:pt>
                <c:pt idx="417">
                  <c:v>182131.146061965</c:v>
                </c:pt>
                <c:pt idx="418">
                  <c:v>184485.76789630001</c:v>
                </c:pt>
                <c:pt idx="419">
                  <c:v>186875.483886097</c:v>
                </c:pt>
                <c:pt idx="420">
                  <c:v>188184.89823567899</c:v>
                </c:pt>
                <c:pt idx="421">
                  <c:v>189690.24556932101</c:v>
                </c:pt>
                <c:pt idx="422">
                  <c:v>191903.09002512801</c:v>
                </c:pt>
                <c:pt idx="423">
                  <c:v>194023.53222392299</c:v>
                </c:pt>
                <c:pt idx="424">
                  <c:v>198287.756948625</c:v>
                </c:pt>
                <c:pt idx="425">
                  <c:v>202817.13711517901</c:v>
                </c:pt>
                <c:pt idx="426">
                  <c:v>205562.42566105101</c:v>
                </c:pt>
                <c:pt idx="427">
                  <c:v>207763.388328456</c:v>
                </c:pt>
                <c:pt idx="428">
                  <c:v>212872.38816195799</c:v>
                </c:pt>
                <c:pt idx="429">
                  <c:v>215617.67670783101</c:v>
                </c:pt>
                <c:pt idx="430">
                  <c:v>216199.079228124</c:v>
                </c:pt>
                <c:pt idx="431">
                  <c:v>216802.54307317099</c:v>
                </c:pt>
                <c:pt idx="432">
                  <c:v>218555.699619544</c:v>
                </c:pt>
                <c:pt idx="433">
                  <c:v>218636.34627181099</c:v>
                </c:pt>
                <c:pt idx="434">
                  <c:v>220081.119961385</c:v>
                </c:pt>
                <c:pt idx="435">
                  <c:v>221187.79460203901</c:v>
                </c:pt>
                <c:pt idx="436">
                  <c:v>223191.120213724</c:v>
                </c:pt>
                <c:pt idx="437">
                  <c:v>225763.24151745701</c:v>
                </c:pt>
                <c:pt idx="438">
                  <c:v>227323.92653743399</c:v>
                </c:pt>
                <c:pt idx="439">
                  <c:v>230553.805537295</c:v>
                </c:pt>
                <c:pt idx="440">
                  <c:v>231749.40545726099</c:v>
                </c:pt>
                <c:pt idx="441">
                  <c:v>236985.798267159</c:v>
                </c:pt>
                <c:pt idx="442">
                  <c:v>237282.693052249</c:v>
                </c:pt>
                <c:pt idx="443">
                  <c:v>239340.909826794</c:v>
                </c:pt>
                <c:pt idx="444">
                  <c:v>240476.30697642299</c:v>
                </c:pt>
                <c:pt idx="445">
                  <c:v>243759.21604358999</c:v>
                </c:pt>
                <c:pt idx="446">
                  <c:v>243759.21604358999</c:v>
                </c:pt>
                <c:pt idx="447">
                  <c:v>244853.87630359599</c:v>
                </c:pt>
                <c:pt idx="448">
                  <c:v>247143.68491799801</c:v>
                </c:pt>
                <c:pt idx="449">
                  <c:v>249069.408599727</c:v>
                </c:pt>
                <c:pt idx="450">
                  <c:v>250909.97886859899</c:v>
                </c:pt>
                <c:pt idx="451">
                  <c:v>251596.89286213601</c:v>
                </c:pt>
                <c:pt idx="452">
                  <c:v>252716.14756044801</c:v>
                </c:pt>
                <c:pt idx="453">
                  <c:v>254373.307196601</c:v>
                </c:pt>
                <c:pt idx="454">
                  <c:v>255420.56099984801</c:v>
                </c:pt>
                <c:pt idx="455">
                  <c:v>257377.909689861</c:v>
                </c:pt>
                <c:pt idx="456">
                  <c:v>258928.46005931799</c:v>
                </c:pt>
                <c:pt idx="457">
                  <c:v>260991.031858412</c:v>
                </c:pt>
                <c:pt idx="458">
                  <c:v>263688.20376925502</c:v>
                </c:pt>
                <c:pt idx="459">
                  <c:v>265953.412238391</c:v>
                </c:pt>
                <c:pt idx="460">
                  <c:v>268207.95703698101</c:v>
                </c:pt>
                <c:pt idx="461">
                  <c:v>269644.11680201098</c:v>
                </c:pt>
                <c:pt idx="462">
                  <c:v>270942.298144523</c:v>
                </c:pt>
                <c:pt idx="463">
                  <c:v>271187.43171371799</c:v>
                </c:pt>
                <c:pt idx="464">
                  <c:v>272555.54583016498</c:v>
                </c:pt>
                <c:pt idx="465">
                  <c:v>273570.05346231902</c:v>
                </c:pt>
                <c:pt idx="466">
                  <c:v>274204.49634566199</c:v>
                </c:pt>
                <c:pt idx="467">
                  <c:v>274288.01785578899</c:v>
                </c:pt>
                <c:pt idx="468">
                  <c:v>274781.55655518302</c:v>
                </c:pt>
                <c:pt idx="469">
                  <c:v>277327.48265205597</c:v>
                </c:pt>
                <c:pt idx="470">
                  <c:v>277411.00416218402</c:v>
                </c:pt>
                <c:pt idx="471">
                  <c:v>277476.189545103</c:v>
                </c:pt>
                <c:pt idx="472">
                  <c:v>277651.53881930601</c:v>
                </c:pt>
                <c:pt idx="473">
                  <c:v>278865.38578273403</c:v>
                </c:pt>
                <c:pt idx="474">
                  <c:v>279034.59798545501</c:v>
                </c:pt>
                <c:pt idx="475">
                  <c:v>280037.19480367599</c:v>
                </c:pt>
                <c:pt idx="476">
                  <c:v>280302.202659489</c:v>
                </c:pt>
                <c:pt idx="477">
                  <c:v>281648.12705430202</c:v>
                </c:pt>
                <c:pt idx="478">
                  <c:v>281913.13491011399</c:v>
                </c:pt>
                <c:pt idx="479">
                  <c:v>282784.23308765801</c:v>
                </c:pt>
                <c:pt idx="480">
                  <c:v>284640.99530766101</c:v>
                </c:pt>
                <c:pt idx="481">
                  <c:v>284640.99530766101</c:v>
                </c:pt>
                <c:pt idx="482">
                  <c:v>284906.81624344701</c:v>
                </c:pt>
                <c:pt idx="483">
                  <c:v>286092.24685223098</c:v>
                </c:pt>
                <c:pt idx="484">
                  <c:v>286630.12131494202</c:v>
                </c:pt>
                <c:pt idx="485">
                  <c:v>286638.22612083401</c:v>
                </c:pt>
                <c:pt idx="486">
                  <c:v>286782.465774604</c:v>
                </c:pt>
                <c:pt idx="487">
                  <c:v>290121.065990059</c:v>
                </c:pt>
                <c:pt idx="488">
                  <c:v>290273.41044972098</c:v>
                </c:pt>
                <c:pt idx="489">
                  <c:v>293763.67933202401</c:v>
                </c:pt>
                <c:pt idx="490">
                  <c:v>293763.67933202401</c:v>
                </c:pt>
                <c:pt idx="491">
                  <c:v>295159.993262003</c:v>
                </c:pt>
                <c:pt idx="492">
                  <c:v>295249.97387096699</c:v>
                </c:pt>
                <c:pt idx="493">
                  <c:v>296383.45347536402</c:v>
                </c:pt>
                <c:pt idx="494">
                  <c:v>298228.32917061099</c:v>
                </c:pt>
                <c:pt idx="495">
                  <c:v>300888.11709588201</c:v>
                </c:pt>
                <c:pt idx="496">
                  <c:v>302453.49897773901</c:v>
                </c:pt>
                <c:pt idx="497">
                  <c:v>305521.50481414498</c:v>
                </c:pt>
                <c:pt idx="498">
                  <c:v>307276.37414231902</c:v>
                </c:pt>
                <c:pt idx="499">
                  <c:v>307618.29581081599</c:v>
                </c:pt>
                <c:pt idx="500">
                  <c:v>308908.87968714198</c:v>
                </c:pt>
                <c:pt idx="501">
                  <c:v>311005.67068381299</c:v>
                </c:pt>
                <c:pt idx="502">
                  <c:v>312600.62539064197</c:v>
                </c:pt>
                <c:pt idx="503">
                  <c:v>314007.77219428302</c:v>
                </c:pt>
                <c:pt idx="504">
                  <c:v>314287.68800897198</c:v>
                </c:pt>
                <c:pt idx="505">
                  <c:v>316313.84962118202</c:v>
                </c:pt>
                <c:pt idx="506">
                  <c:v>316313.84962118202</c:v>
                </c:pt>
                <c:pt idx="507">
                  <c:v>318397.76695387397</c:v>
                </c:pt>
                <c:pt idx="508">
                  <c:v>319108.88967394398</c:v>
                </c:pt>
                <c:pt idx="509">
                  <c:v>319782.19039617898</c:v>
                </c:pt>
                <c:pt idx="510">
                  <c:v>319836.86505850102</c:v>
                </c:pt>
                <c:pt idx="511">
                  <c:v>322040.867816641</c:v>
                </c:pt>
                <c:pt idx="512">
                  <c:v>323425.291258946</c:v>
                </c:pt>
                <c:pt idx="513">
                  <c:v>324314.80475293403</c:v>
                </c:pt>
                <c:pt idx="514">
                  <c:v>324876.152806303</c:v>
                </c:pt>
                <c:pt idx="515">
                  <c:v>326081.75906467502</c:v>
                </c:pt>
                <c:pt idx="516">
                  <c:v>326886.79301074898</c:v>
                </c:pt>
                <c:pt idx="517">
                  <c:v>327839.40727919701</c:v>
                </c:pt>
                <c:pt idx="518">
                  <c:v>328918.79648861301</c:v>
                </c:pt>
                <c:pt idx="519">
                  <c:v>329077.620323407</c:v>
                </c:pt>
                <c:pt idx="520">
                  <c:v>329913.605226363</c:v>
                </c:pt>
                <c:pt idx="521">
                  <c:v>334206.78197130898</c:v>
                </c:pt>
                <c:pt idx="522">
                  <c:v>335001.76126450102</c:v>
                </c:pt>
                <c:pt idx="523">
                  <c:v>337652.47484366997</c:v>
                </c:pt>
                <c:pt idx="524">
                  <c:v>338027.92663121002</c:v>
                </c:pt>
                <c:pt idx="525">
                  <c:v>342791.689329635</c:v>
                </c:pt>
                <c:pt idx="526">
                  <c:v>342791.689329635</c:v>
                </c:pt>
                <c:pt idx="527">
                  <c:v>344624.90728598402</c:v>
                </c:pt>
                <c:pt idx="528">
                  <c:v>345872.90387334698</c:v>
                </c:pt>
                <c:pt idx="529">
                  <c:v>346778.44184806501</c:v>
                </c:pt>
                <c:pt idx="530">
                  <c:v>348452.90811250999</c:v>
                </c:pt>
                <c:pt idx="531">
                  <c:v>349042.50719810301</c:v>
                </c:pt>
                <c:pt idx="532">
                  <c:v>350851.952768113</c:v>
                </c:pt>
                <c:pt idx="533">
                  <c:v>353307.936376239</c:v>
                </c:pt>
                <c:pt idx="534">
                  <c:v>353531.99777190998</c:v>
                </c:pt>
                <c:pt idx="535">
                  <c:v>355179.13676685799</c:v>
                </c:pt>
                <c:pt idx="536">
                  <c:v>355179.13676685799</c:v>
                </c:pt>
                <c:pt idx="537">
                  <c:v>355179.13676685799</c:v>
                </c:pt>
                <c:pt idx="538">
                  <c:v>356524.39266206702</c:v>
                </c:pt>
                <c:pt idx="539">
                  <c:v>356524.39266206702</c:v>
                </c:pt>
                <c:pt idx="540">
                  <c:v>356524.39266206702</c:v>
                </c:pt>
                <c:pt idx="541">
                  <c:v>357409.37540352199</c:v>
                </c:pt>
                <c:pt idx="542">
                  <c:v>357409.37540352199</c:v>
                </c:pt>
                <c:pt idx="543">
                  <c:v>357989.78663750098</c:v>
                </c:pt>
                <c:pt idx="544">
                  <c:v>358705.22600715898</c:v>
                </c:pt>
                <c:pt idx="545">
                  <c:v>359369.29901485302</c:v>
                </c:pt>
                <c:pt idx="546">
                  <c:v>359550.37576887303</c:v>
                </c:pt>
                <c:pt idx="547">
                  <c:v>360526.919268339</c:v>
                </c:pt>
                <c:pt idx="548">
                  <c:v>360707.996022359</c:v>
                </c:pt>
                <c:pt idx="549">
                  <c:v>361574.06671943201</c:v>
                </c:pt>
                <c:pt idx="550">
                  <c:v>361964.65119810897</c:v>
                </c:pt>
                <c:pt idx="551">
                  <c:v>363008.44298148103</c:v>
                </c:pt>
                <c:pt idx="552">
                  <c:v>363008.44298148103</c:v>
                </c:pt>
                <c:pt idx="553">
                  <c:v>364030.97906774899</c:v>
                </c:pt>
                <c:pt idx="554">
                  <c:v>364212.055821769</c:v>
                </c:pt>
                <c:pt idx="555">
                  <c:v>364625.51822953502</c:v>
                </c:pt>
                <c:pt idx="556">
                  <c:v>366185.94459739001</c:v>
                </c:pt>
                <c:pt idx="557">
                  <c:v>367409.92870048701</c:v>
                </c:pt>
                <c:pt idx="558">
                  <c:v>368132.880239808</c:v>
                </c:pt>
                <c:pt idx="559">
                  <c:v>370051.887608213</c:v>
                </c:pt>
                <c:pt idx="560">
                  <c:v>370051.887608213</c:v>
                </c:pt>
                <c:pt idx="561">
                  <c:v>370232.28449719801</c:v>
                </c:pt>
                <c:pt idx="562">
                  <c:v>370398.39100836997</c:v>
                </c:pt>
                <c:pt idx="563">
                  <c:v>370398.39100836997</c:v>
                </c:pt>
                <c:pt idx="564">
                  <c:v>370514.39368551498</c:v>
                </c:pt>
                <c:pt idx="565">
                  <c:v>370514.39368551498</c:v>
                </c:pt>
                <c:pt idx="566">
                  <c:v>370514.39368551498</c:v>
                </c:pt>
                <c:pt idx="567">
                  <c:v>370514.39368551498</c:v>
                </c:pt>
                <c:pt idx="568">
                  <c:v>371128.90513963398</c:v>
                </c:pt>
                <c:pt idx="569">
                  <c:v>371128.90513963398</c:v>
                </c:pt>
                <c:pt idx="570">
                  <c:v>371315.08756946702</c:v>
                </c:pt>
                <c:pt idx="571">
                  <c:v>372308.06801669498</c:v>
                </c:pt>
                <c:pt idx="572">
                  <c:v>372992.93631315598</c:v>
                </c:pt>
                <c:pt idx="573">
                  <c:v>373503.95925143902</c:v>
                </c:pt>
                <c:pt idx="574">
                  <c:v>375174.19912247802</c:v>
                </c:pt>
                <c:pt idx="575">
                  <c:v>376893.13719395699</c:v>
                </c:pt>
                <c:pt idx="576">
                  <c:v>379683.89908426802</c:v>
                </c:pt>
                <c:pt idx="577">
                  <c:v>379683.89908426802</c:v>
                </c:pt>
                <c:pt idx="578">
                  <c:v>379683.89908426802</c:v>
                </c:pt>
                <c:pt idx="579">
                  <c:v>380518.26455529098</c:v>
                </c:pt>
                <c:pt idx="580">
                  <c:v>381138.92520369799</c:v>
                </c:pt>
                <c:pt idx="581">
                  <c:v>381182.91914845299</c:v>
                </c:pt>
                <c:pt idx="582">
                  <c:v>381572.11702601</c:v>
                </c:pt>
                <c:pt idx="583">
                  <c:v>382614.29354793398</c:v>
                </c:pt>
                <c:pt idx="584">
                  <c:v>383238.02013717301</c:v>
                </c:pt>
                <c:pt idx="585">
                  <c:v>383789.66398454399</c:v>
                </c:pt>
                <c:pt idx="586">
                  <c:v>385058.48371724802</c:v>
                </c:pt>
                <c:pt idx="587">
                  <c:v>386083.38670306001</c:v>
                </c:pt>
                <c:pt idx="588">
                  <c:v>386847.58645431203</c:v>
                </c:pt>
                <c:pt idx="589">
                  <c:v>386969.10442020302</c:v>
                </c:pt>
                <c:pt idx="590">
                  <c:v>387703.41754651902</c:v>
                </c:pt>
                <c:pt idx="591">
                  <c:v>387703.41754651902</c:v>
                </c:pt>
                <c:pt idx="592">
                  <c:v>387771.538717683</c:v>
                </c:pt>
                <c:pt idx="593">
                  <c:v>390535.23985736503</c:v>
                </c:pt>
                <c:pt idx="594">
                  <c:v>390603.36102852802</c:v>
                </c:pt>
                <c:pt idx="595">
                  <c:v>392395.83730575</c:v>
                </c:pt>
                <c:pt idx="596">
                  <c:v>392463.95847691398</c:v>
                </c:pt>
                <c:pt idx="597">
                  <c:v>392782.367148438</c:v>
                </c:pt>
                <c:pt idx="598">
                  <c:v>393329.78991130198</c:v>
                </c:pt>
                <c:pt idx="599">
                  <c:v>393329.78991130198</c:v>
                </c:pt>
                <c:pt idx="600">
                  <c:v>394147.57825320802</c:v>
                </c:pt>
                <c:pt idx="601">
                  <c:v>394147.57825320802</c:v>
                </c:pt>
                <c:pt idx="602">
                  <c:v>394734.234027909</c:v>
                </c:pt>
                <c:pt idx="603">
                  <c:v>394734.234027909</c:v>
                </c:pt>
                <c:pt idx="604">
                  <c:v>394928.12342748902</c:v>
                </c:pt>
                <c:pt idx="605">
                  <c:v>394928.12342748902</c:v>
                </c:pt>
                <c:pt idx="606">
                  <c:v>395718.16455735703</c:v>
                </c:pt>
                <c:pt idx="607">
                  <c:v>395912.05395693699</c:v>
                </c:pt>
                <c:pt idx="608">
                  <c:v>398132.29227998498</c:v>
                </c:pt>
                <c:pt idx="609">
                  <c:v>398304.38361395302</c:v>
                </c:pt>
                <c:pt idx="610">
                  <c:v>399693.41425978299</c:v>
                </c:pt>
                <c:pt idx="611">
                  <c:v>400756.97558770998</c:v>
                </c:pt>
                <c:pt idx="612">
                  <c:v>402537.66672531102</c:v>
                </c:pt>
                <c:pt idx="613">
                  <c:v>403260.17431950697</c:v>
                </c:pt>
                <c:pt idx="614">
                  <c:v>403260.17431950697</c:v>
                </c:pt>
                <c:pt idx="615">
                  <c:v>403436.91447604197</c:v>
                </c:pt>
                <c:pt idx="616">
                  <c:v>403436.91447604197</c:v>
                </c:pt>
                <c:pt idx="617">
                  <c:v>403904.853452852</c:v>
                </c:pt>
                <c:pt idx="618">
                  <c:v>403904.853452852</c:v>
                </c:pt>
                <c:pt idx="619">
                  <c:v>405134.480889611</c:v>
                </c:pt>
                <c:pt idx="620">
                  <c:v>405134.480889611</c:v>
                </c:pt>
                <c:pt idx="621">
                  <c:v>405844.41035950702</c:v>
                </c:pt>
                <c:pt idx="622">
                  <c:v>405844.41035950702</c:v>
                </c:pt>
                <c:pt idx="623">
                  <c:v>408540.91412743903</c:v>
                </c:pt>
                <c:pt idx="624">
                  <c:v>408609.35009162698</c:v>
                </c:pt>
                <c:pt idx="625">
                  <c:v>409231.56604684202</c:v>
                </c:pt>
                <c:pt idx="626">
                  <c:v>410572.79068376502</c:v>
                </c:pt>
                <c:pt idx="627">
                  <c:v>411066.877129381</c:v>
                </c:pt>
                <c:pt idx="628">
                  <c:v>411757.529048784</c:v>
                </c:pt>
                <c:pt idx="629">
                  <c:v>412390.45087513502</c:v>
                </c:pt>
                <c:pt idx="630">
                  <c:v>412923.72082583798</c:v>
                </c:pt>
                <c:pt idx="631">
                  <c:v>414454.18430228002</c:v>
                </c:pt>
                <c:pt idx="632">
                  <c:v>415366.52472271799</c:v>
                </c:pt>
                <c:pt idx="633">
                  <c:v>415366.52472271799</c:v>
                </c:pt>
                <c:pt idx="634">
                  <c:v>415702.19489152398</c:v>
                </c:pt>
                <c:pt idx="635">
                  <c:v>415883.39227565198</c:v>
                </c:pt>
                <c:pt idx="636">
                  <c:v>415908.10084595502</c:v>
                </c:pt>
                <c:pt idx="637">
                  <c:v>417313.09930187202</c:v>
                </c:pt>
                <c:pt idx="638">
                  <c:v>417313.09930187202</c:v>
                </c:pt>
                <c:pt idx="639">
                  <c:v>418361.50844003202</c:v>
                </c:pt>
                <c:pt idx="640">
                  <c:v>418361.50844003202</c:v>
                </c:pt>
                <c:pt idx="641">
                  <c:v>418728.49751150701</c:v>
                </c:pt>
                <c:pt idx="642">
                  <c:v>420964.42040029302</c:v>
                </c:pt>
                <c:pt idx="643">
                  <c:v>421331.40947176801</c:v>
                </c:pt>
                <c:pt idx="644">
                  <c:v>421331.40947176801</c:v>
                </c:pt>
                <c:pt idx="645">
                  <c:v>421885.90497716202</c:v>
                </c:pt>
                <c:pt idx="646">
                  <c:v>422124.30915370898</c:v>
                </c:pt>
                <c:pt idx="647">
                  <c:v>422622.83279495302</c:v>
                </c:pt>
                <c:pt idx="648">
                  <c:v>422861.23697149899</c:v>
                </c:pt>
                <c:pt idx="649">
                  <c:v>424490.19910146098</c:v>
                </c:pt>
                <c:pt idx="650">
                  <c:v>424490.19910146098</c:v>
                </c:pt>
                <c:pt idx="651">
                  <c:v>425091.44470168097</c:v>
                </c:pt>
                <c:pt idx="652">
                  <c:v>425091.44470168097</c:v>
                </c:pt>
                <c:pt idx="653">
                  <c:v>425091.44470168097</c:v>
                </c:pt>
                <c:pt idx="654">
                  <c:v>425091.44470168097</c:v>
                </c:pt>
                <c:pt idx="655">
                  <c:v>425091.44470168097</c:v>
                </c:pt>
                <c:pt idx="656">
                  <c:v>425091.44470168097</c:v>
                </c:pt>
                <c:pt idx="657">
                  <c:v>425295.45102937898</c:v>
                </c:pt>
                <c:pt idx="658">
                  <c:v>425476.71583334199</c:v>
                </c:pt>
                <c:pt idx="659">
                  <c:v>427262.105584534</c:v>
                </c:pt>
                <c:pt idx="660">
                  <c:v>427647.37671619601</c:v>
                </c:pt>
                <c:pt idx="661">
                  <c:v>427647.37671619601</c:v>
                </c:pt>
                <c:pt idx="662">
                  <c:v>427858.917644336</c:v>
                </c:pt>
                <c:pt idx="663">
                  <c:v>428212.47632818302</c:v>
                </c:pt>
                <c:pt idx="664">
                  <c:v>428424.01725632302</c:v>
                </c:pt>
                <c:pt idx="665">
                  <c:v>428756.30153631902</c:v>
                </c:pt>
                <c:pt idx="666">
                  <c:v>429569.66196279001</c:v>
                </c:pt>
                <c:pt idx="667">
                  <c:v>429569.66196279001</c:v>
                </c:pt>
                <c:pt idx="668">
                  <c:v>430294.22565708001</c:v>
                </c:pt>
                <c:pt idx="669">
                  <c:v>430513.73258277401</c:v>
                </c:pt>
                <c:pt idx="670">
                  <c:v>431616.41188574198</c:v>
                </c:pt>
                <c:pt idx="671">
                  <c:v>431835.91881143599</c:v>
                </c:pt>
                <c:pt idx="672">
                  <c:v>432511.56716506701</c:v>
                </c:pt>
                <c:pt idx="673">
                  <c:v>432621.13845988503</c:v>
                </c:pt>
                <c:pt idx="674">
                  <c:v>433745.48001650203</c:v>
                </c:pt>
                <c:pt idx="675">
                  <c:v>433855.051311319</c:v>
                </c:pt>
                <c:pt idx="676">
                  <c:v>434109.333320948</c:v>
                </c:pt>
                <c:pt idx="677">
                  <c:v>434218.90461576602</c:v>
                </c:pt>
                <c:pt idx="678">
                  <c:v>434463.44473097997</c:v>
                </c:pt>
                <c:pt idx="679">
                  <c:v>434463.44473097997</c:v>
                </c:pt>
                <c:pt idx="680">
                  <c:v>434945.45913500502</c:v>
                </c:pt>
                <c:pt idx="681">
                  <c:v>434945.45913500502</c:v>
                </c:pt>
                <c:pt idx="682">
                  <c:v>436550.08456806</c:v>
                </c:pt>
                <c:pt idx="683">
                  <c:v>441975.22289499798</c:v>
                </c:pt>
                <c:pt idx="684">
                  <c:v>441975.22289499798</c:v>
                </c:pt>
                <c:pt idx="685">
                  <c:v>443019.67046330299</c:v>
                </c:pt>
                <c:pt idx="686">
                  <c:v>444102.47620414401</c:v>
                </c:pt>
                <c:pt idx="687">
                  <c:v>444742.53925737803</c:v>
                </c:pt>
                <c:pt idx="688">
                  <c:v>447936.21215155598</c:v>
                </c:pt>
                <c:pt idx="689">
                  <c:v>450063.46546070202</c:v>
                </c:pt>
                <c:pt idx="690">
                  <c:v>451590.00951232202</c:v>
                </c:pt>
                <c:pt idx="691">
                  <c:v>452096.167075117</c:v>
                </c:pt>
                <c:pt idx="692">
                  <c:v>452096.167075117</c:v>
                </c:pt>
                <c:pt idx="693">
                  <c:v>452537.90316094703</c:v>
                </c:pt>
                <c:pt idx="694">
                  <c:v>452537.90316094703</c:v>
                </c:pt>
                <c:pt idx="695">
                  <c:v>454529.29084939399</c:v>
                </c:pt>
                <c:pt idx="696">
                  <c:v>454529.29084939399</c:v>
                </c:pt>
                <c:pt idx="697">
                  <c:v>455363.40582633298</c:v>
                </c:pt>
                <c:pt idx="698">
                  <c:v>456427.86469149601</c:v>
                </c:pt>
                <c:pt idx="699">
                  <c:v>457379.69332851202</c:v>
                </c:pt>
                <c:pt idx="700">
                  <c:v>458627.66495053598</c:v>
                </c:pt>
                <c:pt idx="701">
                  <c:v>460290.49541494698</c:v>
                </c:pt>
                <c:pt idx="702">
                  <c:v>460290.49541494698</c:v>
                </c:pt>
                <c:pt idx="703">
                  <c:v>460290.49541494698</c:v>
                </c:pt>
                <c:pt idx="704">
                  <c:v>468405.22803172801</c:v>
                </c:pt>
                <c:pt idx="705">
                  <c:v>468405.22803172801</c:v>
                </c:pt>
                <c:pt idx="706">
                  <c:v>468520.58013169002</c:v>
                </c:pt>
                <c:pt idx="707">
                  <c:v>468589.73220909399</c:v>
                </c:pt>
                <c:pt idx="708">
                  <c:v>468764.35161833098</c:v>
                </c:pt>
                <c:pt idx="709">
                  <c:v>468909.93125848001</c:v>
                </c:pt>
                <c:pt idx="710">
                  <c:v>470181.82262853702</c:v>
                </c:pt>
                <c:pt idx="711">
                  <c:v>470181.82262853702</c:v>
                </c:pt>
                <c:pt idx="712">
                  <c:v>470755.67793269199</c:v>
                </c:pt>
                <c:pt idx="713">
                  <c:v>472016.054965207</c:v>
                </c:pt>
                <c:pt idx="714">
                  <c:v>472405.406091996</c:v>
                </c:pt>
                <c:pt idx="715">
                  <c:v>472405.406091996</c:v>
                </c:pt>
                <c:pt idx="716">
                  <c:v>472405.406091996</c:v>
                </c:pt>
                <c:pt idx="717">
                  <c:v>472405.406091996</c:v>
                </c:pt>
                <c:pt idx="718">
                  <c:v>472405.406091996</c:v>
                </c:pt>
                <c:pt idx="719">
                  <c:v>472993.07680483902</c:v>
                </c:pt>
                <c:pt idx="720">
                  <c:v>472993.07680483902</c:v>
                </c:pt>
                <c:pt idx="721">
                  <c:v>474563.86967299401</c:v>
                </c:pt>
                <c:pt idx="722">
                  <c:v>474563.86967299401</c:v>
                </c:pt>
                <c:pt idx="723">
                  <c:v>474563.86967299401</c:v>
                </c:pt>
                <c:pt idx="724">
                  <c:v>475602.50122334203</c:v>
                </c:pt>
                <c:pt idx="725">
                  <c:v>475632.21256235702</c:v>
                </c:pt>
                <c:pt idx="726">
                  <c:v>475698.384654533</c:v>
                </c:pt>
                <c:pt idx="727">
                  <c:v>475728.09599354799</c:v>
                </c:pt>
                <c:pt idx="728">
                  <c:v>476350.70456631202</c:v>
                </c:pt>
                <c:pt idx="729">
                  <c:v>476350.70456631202</c:v>
                </c:pt>
                <c:pt idx="730">
                  <c:v>478740.690234443</c:v>
                </c:pt>
                <c:pt idx="731">
                  <c:v>478740.690234443</c:v>
                </c:pt>
                <c:pt idx="732">
                  <c:v>478740.690234443</c:v>
                </c:pt>
                <c:pt idx="733">
                  <c:v>478740.690234443</c:v>
                </c:pt>
                <c:pt idx="734">
                  <c:v>478740.690234443</c:v>
                </c:pt>
                <c:pt idx="735">
                  <c:v>478992.76282135001</c:v>
                </c:pt>
                <c:pt idx="736">
                  <c:v>478992.76282135001</c:v>
                </c:pt>
                <c:pt idx="737">
                  <c:v>478992.76282135001</c:v>
                </c:pt>
                <c:pt idx="738">
                  <c:v>479692.10338061798</c:v>
                </c:pt>
                <c:pt idx="739">
                  <c:v>480715.168548877</c:v>
                </c:pt>
                <c:pt idx="740">
                  <c:v>480810.78303393797</c:v>
                </c:pt>
                <c:pt idx="741">
                  <c:v>482135.66830394801</c:v>
                </c:pt>
                <c:pt idx="742">
                  <c:v>483120.48374936503</c:v>
                </c:pt>
                <c:pt idx="743">
                  <c:v>483120.48374936503</c:v>
                </c:pt>
                <c:pt idx="744">
                  <c:v>483746.02846010699</c:v>
                </c:pt>
                <c:pt idx="745">
                  <c:v>484237.37983884802</c:v>
                </c:pt>
                <c:pt idx="746">
                  <c:v>484862.70673052297</c:v>
                </c:pt>
                <c:pt idx="747">
                  <c:v>484862.70673052297</c:v>
                </c:pt>
                <c:pt idx="748">
                  <c:v>484862.70673052297</c:v>
                </c:pt>
                <c:pt idx="749">
                  <c:v>485066.94148204703</c:v>
                </c:pt>
                <c:pt idx="750">
                  <c:v>485088.52692219999</c:v>
                </c:pt>
                <c:pt idx="751">
                  <c:v>485167.53389945201</c:v>
                </c:pt>
                <c:pt idx="752">
                  <c:v>485393.35409112897</c:v>
                </c:pt>
                <c:pt idx="753">
                  <c:v>485746.27407680498</c:v>
                </c:pt>
                <c:pt idx="754">
                  <c:v>486051.10124573403</c:v>
                </c:pt>
                <c:pt idx="755">
                  <c:v>486653.616781271</c:v>
                </c:pt>
                <c:pt idx="756">
                  <c:v>486898.094282037</c:v>
                </c:pt>
                <c:pt idx="757">
                  <c:v>487063.893160648</c:v>
                </c:pt>
                <c:pt idx="758">
                  <c:v>487223.30467574799</c:v>
                </c:pt>
                <c:pt idx="759">
                  <c:v>487389.103554359</c:v>
                </c:pt>
                <c:pt idx="760">
                  <c:v>487389.103554359</c:v>
                </c:pt>
                <c:pt idx="761">
                  <c:v>487389.103554359</c:v>
                </c:pt>
                <c:pt idx="762">
                  <c:v>487389.103554359</c:v>
                </c:pt>
                <c:pt idx="763">
                  <c:v>487389.103554359</c:v>
                </c:pt>
                <c:pt idx="764">
                  <c:v>487389.103554359</c:v>
                </c:pt>
                <c:pt idx="765">
                  <c:v>487389.103554359</c:v>
                </c:pt>
                <c:pt idx="766">
                  <c:v>487389.103554359</c:v>
                </c:pt>
                <c:pt idx="767">
                  <c:v>487693.51382711501</c:v>
                </c:pt>
                <c:pt idx="768">
                  <c:v>487693.51382711501</c:v>
                </c:pt>
                <c:pt idx="769">
                  <c:v>487693.51382711501</c:v>
                </c:pt>
                <c:pt idx="770">
                  <c:v>488191.396444713</c:v>
                </c:pt>
                <c:pt idx="771">
                  <c:v>488191.396444713</c:v>
                </c:pt>
                <c:pt idx="772">
                  <c:v>489926.92079995899</c:v>
                </c:pt>
                <c:pt idx="773">
                  <c:v>490424.80341755698</c:v>
                </c:pt>
                <c:pt idx="774">
                  <c:v>490944.12509222602</c:v>
                </c:pt>
                <c:pt idx="775">
                  <c:v>491101.269605259</c:v>
                </c:pt>
                <c:pt idx="776">
                  <c:v>491263.62886519899</c:v>
                </c:pt>
                <c:pt idx="777">
                  <c:v>491761.51148279698</c:v>
                </c:pt>
                <c:pt idx="778">
                  <c:v>491974.86108439002</c:v>
                </c:pt>
                <c:pt idx="779">
                  <c:v>491974.86108439002</c:v>
                </c:pt>
                <c:pt idx="780">
                  <c:v>495751.96553591499</c:v>
                </c:pt>
                <c:pt idx="781">
                  <c:v>495965.31513750798</c:v>
                </c:pt>
                <c:pt idx="782">
                  <c:v>496000.98079284001</c:v>
                </c:pt>
                <c:pt idx="783">
                  <c:v>496000.98079284001</c:v>
                </c:pt>
                <c:pt idx="784">
                  <c:v>496000.98079284001</c:v>
                </c:pt>
                <c:pt idx="785">
                  <c:v>496000.98079284001</c:v>
                </c:pt>
                <c:pt idx="786">
                  <c:v>496000.98079284001</c:v>
                </c:pt>
                <c:pt idx="787">
                  <c:v>496000.98079284001</c:v>
                </c:pt>
                <c:pt idx="788">
                  <c:v>496000.98079284001</c:v>
                </c:pt>
                <c:pt idx="789">
                  <c:v>496000.98079284001</c:v>
                </c:pt>
                <c:pt idx="790">
                  <c:v>496030.29258677998</c:v>
                </c:pt>
                <c:pt idx="791">
                  <c:v>496030.29258677998</c:v>
                </c:pt>
                <c:pt idx="792">
                  <c:v>496030.29258677998</c:v>
                </c:pt>
                <c:pt idx="793">
                  <c:v>496030.29258677998</c:v>
                </c:pt>
                <c:pt idx="794">
                  <c:v>496297.60616681603</c:v>
                </c:pt>
                <c:pt idx="795">
                  <c:v>496297.60616681603</c:v>
                </c:pt>
                <c:pt idx="796">
                  <c:v>496297.60616681603</c:v>
                </c:pt>
                <c:pt idx="797">
                  <c:v>497611.79414235603</c:v>
                </c:pt>
                <c:pt idx="798">
                  <c:v>497788.70581933198</c:v>
                </c:pt>
                <c:pt idx="799">
                  <c:v>497944.68637038203</c:v>
                </c:pt>
                <c:pt idx="800">
                  <c:v>500187.08592916402</c:v>
                </c:pt>
                <c:pt idx="801">
                  <c:v>500343.06648021401</c:v>
                </c:pt>
                <c:pt idx="802">
                  <c:v>501318.29077167099</c:v>
                </c:pt>
                <c:pt idx="803">
                  <c:v>502075.06423402001</c:v>
                </c:pt>
                <c:pt idx="804">
                  <c:v>502267.893175909</c:v>
                </c:pt>
                <c:pt idx="805">
                  <c:v>502741.64624157699</c:v>
                </c:pt>
                <c:pt idx="806">
                  <c:v>502934.47518346598</c:v>
                </c:pt>
                <c:pt idx="807">
                  <c:v>503537.697268227</c:v>
                </c:pt>
                <c:pt idx="808">
                  <c:v>503537.697268227</c:v>
                </c:pt>
                <c:pt idx="809">
                  <c:v>504265.53249336401</c:v>
                </c:pt>
                <c:pt idx="810">
                  <c:v>504265.53249336401</c:v>
                </c:pt>
                <c:pt idx="811">
                  <c:v>505248.17938079499</c:v>
                </c:pt>
                <c:pt idx="812">
                  <c:v>506122.509569527</c:v>
                </c:pt>
                <c:pt idx="813">
                  <c:v>506850.34479466302</c:v>
                </c:pt>
                <c:pt idx="814">
                  <c:v>506850.34479466302</c:v>
                </c:pt>
                <c:pt idx="815">
                  <c:v>506850.34479466302</c:v>
                </c:pt>
                <c:pt idx="816">
                  <c:v>506850.34479466302</c:v>
                </c:pt>
                <c:pt idx="817">
                  <c:v>507003.95314723102</c:v>
                </c:pt>
                <c:pt idx="818">
                  <c:v>507003.95314723102</c:v>
                </c:pt>
                <c:pt idx="819">
                  <c:v>507003.95314723102</c:v>
                </c:pt>
                <c:pt idx="820">
                  <c:v>507003.95314723102</c:v>
                </c:pt>
                <c:pt idx="821">
                  <c:v>507186.67140885099</c:v>
                </c:pt>
                <c:pt idx="822">
                  <c:v>507186.67140885099</c:v>
                </c:pt>
                <c:pt idx="823">
                  <c:v>507533.438161192</c:v>
                </c:pt>
                <c:pt idx="824">
                  <c:v>507753.30448991101</c:v>
                </c:pt>
                <c:pt idx="825">
                  <c:v>508188.05034907197</c:v>
                </c:pt>
                <c:pt idx="826">
                  <c:v>508444.64535620803</c:v>
                </c:pt>
                <c:pt idx="827">
                  <c:v>508444.64535620803</c:v>
                </c:pt>
                <c:pt idx="828">
                  <c:v>508740.20186283399</c:v>
                </c:pt>
                <c:pt idx="829">
                  <c:v>508740.20186283399</c:v>
                </c:pt>
                <c:pt idx="830">
                  <c:v>509208.577677336</c:v>
                </c:pt>
                <c:pt idx="831">
                  <c:v>509208.577677336</c:v>
                </c:pt>
                <c:pt idx="832">
                  <c:v>509440.042131002</c:v>
                </c:pt>
                <c:pt idx="833">
                  <c:v>509440.042131002</c:v>
                </c:pt>
                <c:pt idx="834">
                  <c:v>509440.042131002</c:v>
                </c:pt>
                <c:pt idx="835">
                  <c:v>509440.042131002</c:v>
                </c:pt>
                <c:pt idx="836">
                  <c:v>509440.042131002</c:v>
                </c:pt>
                <c:pt idx="837">
                  <c:v>509440.042131002</c:v>
                </c:pt>
                <c:pt idx="838">
                  <c:v>509440.042131002</c:v>
                </c:pt>
                <c:pt idx="839">
                  <c:v>509440.042131002</c:v>
                </c:pt>
                <c:pt idx="840">
                  <c:v>510504.54371866601</c:v>
                </c:pt>
                <c:pt idx="841">
                  <c:v>510504.54371866601</c:v>
                </c:pt>
                <c:pt idx="842">
                  <c:v>511133.19050217001</c:v>
                </c:pt>
                <c:pt idx="843">
                  <c:v>511369.69772643701</c:v>
                </c:pt>
                <c:pt idx="844">
                  <c:v>511421.69026117801</c:v>
                </c:pt>
                <c:pt idx="845">
                  <c:v>511940.96485570603</c:v>
                </c:pt>
                <c:pt idx="846">
                  <c:v>511992.95739044802</c:v>
                </c:pt>
                <c:pt idx="847">
                  <c:v>514381.17734158301</c:v>
                </c:pt>
                <c:pt idx="848">
                  <c:v>514433.16987632401</c:v>
                </c:pt>
                <c:pt idx="849">
                  <c:v>515781.344147411</c:v>
                </c:pt>
                <c:pt idx="850">
                  <c:v>517057.84030237503</c:v>
                </c:pt>
                <c:pt idx="851">
                  <c:v>517057.84030237503</c:v>
                </c:pt>
                <c:pt idx="852">
                  <c:v>517057.84030237503</c:v>
                </c:pt>
                <c:pt idx="853">
                  <c:v>517057.84030237503</c:v>
                </c:pt>
                <c:pt idx="854">
                  <c:v>517057.84030237503</c:v>
                </c:pt>
                <c:pt idx="855">
                  <c:v>517057.84030237503</c:v>
                </c:pt>
                <c:pt idx="856">
                  <c:v>517057.84030237503</c:v>
                </c:pt>
                <c:pt idx="857">
                  <c:v>517057.84030237503</c:v>
                </c:pt>
                <c:pt idx="858">
                  <c:v>517057.84030237503</c:v>
                </c:pt>
                <c:pt idx="859">
                  <c:v>518351.508952857</c:v>
                </c:pt>
                <c:pt idx="860">
                  <c:v>518351.508952857</c:v>
                </c:pt>
                <c:pt idx="861">
                  <c:v>519322.14091925102</c:v>
                </c:pt>
                <c:pt idx="862">
                  <c:v>519322.14091925102</c:v>
                </c:pt>
                <c:pt idx="863">
                  <c:v>519322.14091925102</c:v>
                </c:pt>
                <c:pt idx="864">
                  <c:v>519322.14091925102</c:v>
                </c:pt>
                <c:pt idx="865">
                  <c:v>519322.14091925102</c:v>
                </c:pt>
                <c:pt idx="866">
                  <c:v>519322.14091925102</c:v>
                </c:pt>
                <c:pt idx="867">
                  <c:v>519322.14091925102</c:v>
                </c:pt>
                <c:pt idx="868">
                  <c:v>519371.926241551</c:v>
                </c:pt>
                <c:pt idx="869">
                  <c:v>519915.84833038499</c:v>
                </c:pt>
                <c:pt idx="870">
                  <c:v>519915.84833038499</c:v>
                </c:pt>
                <c:pt idx="871">
                  <c:v>519915.84833038499</c:v>
                </c:pt>
                <c:pt idx="872">
                  <c:v>519915.84833038499</c:v>
                </c:pt>
                <c:pt idx="873">
                  <c:v>519915.84833038499</c:v>
                </c:pt>
                <c:pt idx="874">
                  <c:v>519915.84833038499</c:v>
                </c:pt>
                <c:pt idx="875">
                  <c:v>519915.84833038499</c:v>
                </c:pt>
                <c:pt idx="876">
                  <c:v>520895.95856820501</c:v>
                </c:pt>
                <c:pt idx="877">
                  <c:v>520895.95856820501</c:v>
                </c:pt>
                <c:pt idx="878">
                  <c:v>520895.95856820501</c:v>
                </c:pt>
                <c:pt idx="879">
                  <c:v>521096.64233844698</c:v>
                </c:pt>
                <c:pt idx="880">
                  <c:v>521096.64233844698</c:v>
                </c:pt>
                <c:pt idx="881">
                  <c:v>521096.64233844698</c:v>
                </c:pt>
                <c:pt idx="882">
                  <c:v>521096.64233844698</c:v>
                </c:pt>
                <c:pt idx="883">
                  <c:v>521096.64233844698</c:v>
                </c:pt>
                <c:pt idx="884">
                  <c:v>521096.64233844698</c:v>
                </c:pt>
                <c:pt idx="885">
                  <c:v>521096.64233844698</c:v>
                </c:pt>
                <c:pt idx="886">
                  <c:v>521096.64233844698</c:v>
                </c:pt>
                <c:pt idx="887">
                  <c:v>521096.64233844698</c:v>
                </c:pt>
                <c:pt idx="888">
                  <c:v>522278.88647098298</c:v>
                </c:pt>
                <c:pt idx="889">
                  <c:v>522278.88647098298</c:v>
                </c:pt>
                <c:pt idx="890">
                  <c:v>522297.398964944</c:v>
                </c:pt>
                <c:pt idx="891">
                  <c:v>522750.17436743202</c:v>
                </c:pt>
                <c:pt idx="892">
                  <c:v>522750.17436743202</c:v>
                </c:pt>
                <c:pt idx="893">
                  <c:v>523050.54972933</c:v>
                </c:pt>
                <c:pt idx="894">
                  <c:v>523149.28535158897</c:v>
                </c:pt>
                <c:pt idx="895">
                  <c:v>526441.575275084</c:v>
                </c:pt>
                <c:pt idx="896">
                  <c:v>526441.575275084</c:v>
                </c:pt>
                <c:pt idx="897">
                  <c:v>528755.95261285896</c:v>
                </c:pt>
                <c:pt idx="898">
                  <c:v>528999.95131414803</c:v>
                </c:pt>
                <c:pt idx="899">
                  <c:v>528999.95131414803</c:v>
                </c:pt>
                <c:pt idx="900">
                  <c:v>528999.95131414803</c:v>
                </c:pt>
                <c:pt idx="901">
                  <c:v>530443.006058753</c:v>
                </c:pt>
                <c:pt idx="902">
                  <c:v>530443.006058753</c:v>
                </c:pt>
                <c:pt idx="903">
                  <c:v>531187.27736750699</c:v>
                </c:pt>
                <c:pt idx="904">
                  <c:v>531511.45050316094</c:v>
                </c:pt>
                <c:pt idx="905">
                  <c:v>532255.72181191598</c:v>
                </c:pt>
                <c:pt idx="906">
                  <c:v>532255.72181191598</c:v>
                </c:pt>
                <c:pt idx="907">
                  <c:v>532748.45345764898</c:v>
                </c:pt>
                <c:pt idx="908">
                  <c:v>532748.45345764898</c:v>
                </c:pt>
                <c:pt idx="909">
                  <c:v>533041.63022052799</c:v>
                </c:pt>
                <c:pt idx="910">
                  <c:v>535101.72224126104</c:v>
                </c:pt>
                <c:pt idx="911">
                  <c:v>535394.89900414005</c:v>
                </c:pt>
                <c:pt idx="912">
                  <c:v>535705.48015403398</c:v>
                </c:pt>
                <c:pt idx="913">
                  <c:v>536306.50819258497</c:v>
                </c:pt>
                <c:pt idx="914">
                  <c:v>536306.50819258497</c:v>
                </c:pt>
                <c:pt idx="915">
                  <c:v>537909.86466775299</c:v>
                </c:pt>
                <c:pt idx="916">
                  <c:v>538513.63881589496</c:v>
                </c:pt>
                <c:pt idx="917">
                  <c:v>538513.63881589496</c:v>
                </c:pt>
                <c:pt idx="918">
                  <c:v>538513.63881589496</c:v>
                </c:pt>
                <c:pt idx="919">
                  <c:v>539065.66997147899</c:v>
                </c:pt>
                <c:pt idx="920">
                  <c:v>539065.66997147899</c:v>
                </c:pt>
                <c:pt idx="921">
                  <c:v>539435.16163975198</c:v>
                </c:pt>
                <c:pt idx="922">
                  <c:v>543287.52608819795</c:v>
                </c:pt>
                <c:pt idx="923">
                  <c:v>543287.52608819795</c:v>
                </c:pt>
                <c:pt idx="924">
                  <c:v>543585.54623012105</c:v>
                </c:pt>
                <c:pt idx="925">
                  <c:v>543585.54623012105</c:v>
                </c:pt>
                <c:pt idx="926">
                  <c:v>543585.54623012105</c:v>
                </c:pt>
                <c:pt idx="927">
                  <c:v>546660.77218651096</c:v>
                </c:pt>
                <c:pt idx="928">
                  <c:v>547083.14899522101</c:v>
                </c:pt>
                <c:pt idx="929">
                  <c:v>547192.74114800803</c:v>
                </c:pt>
                <c:pt idx="930">
                  <c:v>547615.11795671796</c:v>
                </c:pt>
                <c:pt idx="931">
                  <c:v>547615.11795671796</c:v>
                </c:pt>
                <c:pt idx="932">
                  <c:v>547615.11795671796</c:v>
                </c:pt>
                <c:pt idx="933">
                  <c:v>547615.11795671796</c:v>
                </c:pt>
                <c:pt idx="934">
                  <c:v>547615.11795671796</c:v>
                </c:pt>
                <c:pt idx="935">
                  <c:v>547615.11795671796</c:v>
                </c:pt>
                <c:pt idx="936">
                  <c:v>548118.72226806101</c:v>
                </c:pt>
                <c:pt idx="937">
                  <c:v>548118.72226806101</c:v>
                </c:pt>
                <c:pt idx="938">
                  <c:v>548118.72226806101</c:v>
                </c:pt>
                <c:pt idx="939">
                  <c:v>548118.72226806101</c:v>
                </c:pt>
                <c:pt idx="940">
                  <c:v>548118.72226806101</c:v>
                </c:pt>
                <c:pt idx="941">
                  <c:v>548118.72226806101</c:v>
                </c:pt>
                <c:pt idx="942">
                  <c:v>548434.35627849598</c:v>
                </c:pt>
                <c:pt idx="943">
                  <c:v>548434.35627849598</c:v>
                </c:pt>
                <c:pt idx="944">
                  <c:v>549742.55683766096</c:v>
                </c:pt>
                <c:pt idx="945">
                  <c:v>549742.55683766096</c:v>
                </c:pt>
                <c:pt idx="946">
                  <c:v>549742.55683766096</c:v>
                </c:pt>
                <c:pt idx="947">
                  <c:v>549742.55683766096</c:v>
                </c:pt>
                <c:pt idx="948">
                  <c:v>549742.55683766096</c:v>
                </c:pt>
                <c:pt idx="949">
                  <c:v>549742.55683766096</c:v>
                </c:pt>
                <c:pt idx="950">
                  <c:v>549742.55683766096</c:v>
                </c:pt>
                <c:pt idx="951">
                  <c:v>549928.03677425801</c:v>
                </c:pt>
                <c:pt idx="952">
                  <c:v>549928.03677425801</c:v>
                </c:pt>
                <c:pt idx="953">
                  <c:v>549928.03677425801</c:v>
                </c:pt>
                <c:pt idx="954">
                  <c:v>549928.03677425801</c:v>
                </c:pt>
                <c:pt idx="955">
                  <c:v>549928.03677425801</c:v>
                </c:pt>
                <c:pt idx="956">
                  <c:v>549928.03677425801</c:v>
                </c:pt>
                <c:pt idx="957">
                  <c:v>549928.03677425801</c:v>
                </c:pt>
                <c:pt idx="958">
                  <c:v>549928.03677425801</c:v>
                </c:pt>
                <c:pt idx="959">
                  <c:v>549928.03677425801</c:v>
                </c:pt>
                <c:pt idx="960">
                  <c:v>549928.03677425801</c:v>
                </c:pt>
                <c:pt idx="961">
                  <c:v>549928.03677425801</c:v>
                </c:pt>
                <c:pt idx="962">
                  <c:v>550785.626426687</c:v>
                </c:pt>
                <c:pt idx="963">
                  <c:v>550785.626426687</c:v>
                </c:pt>
                <c:pt idx="964">
                  <c:v>550820.60609740298</c:v>
                </c:pt>
                <c:pt idx="965">
                  <c:v>550820.60609740298</c:v>
                </c:pt>
                <c:pt idx="966">
                  <c:v>550820.60609740298</c:v>
                </c:pt>
                <c:pt idx="967">
                  <c:v>550820.60609740298</c:v>
                </c:pt>
                <c:pt idx="968">
                  <c:v>552413.95072072605</c:v>
                </c:pt>
                <c:pt idx="969">
                  <c:v>552413.95072072605</c:v>
                </c:pt>
                <c:pt idx="970">
                  <c:v>552413.95072072605</c:v>
                </c:pt>
                <c:pt idx="971">
                  <c:v>552413.95072072605</c:v>
                </c:pt>
                <c:pt idx="972">
                  <c:v>552413.95072072605</c:v>
                </c:pt>
                <c:pt idx="973">
                  <c:v>552413.95072072605</c:v>
                </c:pt>
                <c:pt idx="974">
                  <c:v>552413.95072072605</c:v>
                </c:pt>
                <c:pt idx="975">
                  <c:v>552413.95072072605</c:v>
                </c:pt>
                <c:pt idx="976">
                  <c:v>553149.91632277996</c:v>
                </c:pt>
                <c:pt idx="977">
                  <c:v>553215.49678630196</c:v>
                </c:pt>
                <c:pt idx="978">
                  <c:v>553670.47956927097</c:v>
                </c:pt>
                <c:pt idx="979">
                  <c:v>553736.06003279402</c:v>
                </c:pt>
                <c:pt idx="980">
                  <c:v>553736.06003279402</c:v>
                </c:pt>
                <c:pt idx="981">
                  <c:v>554037.02366775705</c:v>
                </c:pt>
                <c:pt idx="982">
                  <c:v>554037.02366775705</c:v>
                </c:pt>
                <c:pt idx="983">
                  <c:v>554926.323452821</c:v>
                </c:pt>
                <c:pt idx="984">
                  <c:v>557385.71138326195</c:v>
                </c:pt>
                <c:pt idx="985">
                  <c:v>557550.83544261695</c:v>
                </c:pt>
                <c:pt idx="986">
                  <c:v>562108.36016692605</c:v>
                </c:pt>
                <c:pt idx="987">
                  <c:v>562273.48422628001</c:v>
                </c:pt>
                <c:pt idx="988">
                  <c:v>563048.47543291806</c:v>
                </c:pt>
                <c:pt idx="989">
                  <c:v>565292.66146794695</c:v>
                </c:pt>
                <c:pt idx="990">
                  <c:v>565457.78552730102</c:v>
                </c:pt>
                <c:pt idx="991">
                  <c:v>566750.54078751802</c:v>
                </c:pt>
                <c:pt idx="992">
                  <c:v>566915.66484687303</c:v>
                </c:pt>
                <c:pt idx="993">
                  <c:v>567675.33611586899</c:v>
                </c:pt>
                <c:pt idx="994">
                  <c:v>569133.42471960804</c:v>
                </c:pt>
                <c:pt idx="995">
                  <c:v>570016.82538610604</c:v>
                </c:pt>
                <c:pt idx="996">
                  <c:v>570016.82538610604</c:v>
                </c:pt>
                <c:pt idx="997">
                  <c:v>570953.94289109798</c:v>
                </c:pt>
                <c:pt idx="998">
                  <c:v>570953.94289109798</c:v>
                </c:pt>
                <c:pt idx="999">
                  <c:v>571639.1237273280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6733-432C-BEB8-EAECA2D905CF}"/>
            </c:ext>
          </c:extLst>
        </c:ser>
        <c:ser>
          <c:idx val="1"/>
          <c:order val="1"/>
          <c:tx>
            <c:strRef>
              <c:f>hard_4_all_best!$B$1</c:f>
              <c:strCache>
                <c:ptCount val="1"/>
                <c:pt idx="0">
                  <c:v>TS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hard_4_all_best!$B$2:$B$15001</c:f>
              <c:numCache>
                <c:formatCode>General</c:formatCode>
                <c:ptCount val="15000"/>
                <c:pt idx="0">
                  <c:v>-8655798.9300459698</c:v>
                </c:pt>
                <c:pt idx="1">
                  <c:v>-7903689.8131861296</c:v>
                </c:pt>
                <c:pt idx="2">
                  <c:v>-7783283.7484613899</c:v>
                </c:pt>
                <c:pt idx="3">
                  <c:v>-7696222.6874291701</c:v>
                </c:pt>
                <c:pt idx="4">
                  <c:v>-7587983.2436013101</c:v>
                </c:pt>
                <c:pt idx="5">
                  <c:v>-7510424.8531916002</c:v>
                </c:pt>
                <c:pt idx="6">
                  <c:v>-7457950.0768671604</c:v>
                </c:pt>
                <c:pt idx="7">
                  <c:v>-7381752.2175236903</c:v>
                </c:pt>
                <c:pt idx="8">
                  <c:v>-7324779.4034695504</c:v>
                </c:pt>
                <c:pt idx="9">
                  <c:v>-7244046.0004709801</c:v>
                </c:pt>
                <c:pt idx="10">
                  <c:v>-7180327.2703428501</c:v>
                </c:pt>
                <c:pt idx="11">
                  <c:v>-7102956.3637014003</c:v>
                </c:pt>
                <c:pt idx="12">
                  <c:v>-7034265.1527078403</c:v>
                </c:pt>
                <c:pt idx="13">
                  <c:v>-6966818.71999803</c:v>
                </c:pt>
                <c:pt idx="14">
                  <c:v>-6892321.7565696901</c:v>
                </c:pt>
                <c:pt idx="15">
                  <c:v>-6788734.6491210796</c:v>
                </c:pt>
                <c:pt idx="16">
                  <c:v>-6714290.8766580103</c:v>
                </c:pt>
                <c:pt idx="17">
                  <c:v>-6620384.1042376598</c:v>
                </c:pt>
                <c:pt idx="18">
                  <c:v>-6518584.3715917999</c:v>
                </c:pt>
                <c:pt idx="19">
                  <c:v>-6447613.8860063702</c:v>
                </c:pt>
                <c:pt idx="20">
                  <c:v>-6401159.6428217404</c:v>
                </c:pt>
                <c:pt idx="21">
                  <c:v>-6321639.7231269097</c:v>
                </c:pt>
                <c:pt idx="22">
                  <c:v>-6242995.6159806997</c:v>
                </c:pt>
                <c:pt idx="23">
                  <c:v>-6155933.55084546</c:v>
                </c:pt>
                <c:pt idx="24">
                  <c:v>-6118930.0062620603</c:v>
                </c:pt>
                <c:pt idx="25">
                  <c:v>-6060960.4918526001</c:v>
                </c:pt>
                <c:pt idx="26">
                  <c:v>-6006022.1263542296</c:v>
                </c:pt>
                <c:pt idx="27">
                  <c:v>-5943720.5862019798</c:v>
                </c:pt>
                <c:pt idx="28">
                  <c:v>-5888462.8467429597</c:v>
                </c:pt>
                <c:pt idx="29">
                  <c:v>-5843717.6107069096</c:v>
                </c:pt>
                <c:pt idx="30">
                  <c:v>-5814990.7129301103</c:v>
                </c:pt>
                <c:pt idx="31">
                  <c:v>-5771146.1286557103</c:v>
                </c:pt>
                <c:pt idx="32">
                  <c:v>-5745072.4772416903</c:v>
                </c:pt>
                <c:pt idx="33">
                  <c:v>-5694659.2009191001</c:v>
                </c:pt>
                <c:pt idx="34">
                  <c:v>-5629288.2463557404</c:v>
                </c:pt>
                <c:pt idx="35">
                  <c:v>-5589814.5838757902</c:v>
                </c:pt>
                <c:pt idx="36">
                  <c:v>-5528870.1256725797</c:v>
                </c:pt>
                <c:pt idx="37">
                  <c:v>-5435885.8841643799</c:v>
                </c:pt>
                <c:pt idx="38">
                  <c:v>-5404340.7446965501</c:v>
                </c:pt>
                <c:pt idx="39">
                  <c:v>-5361319.9002602696</c:v>
                </c:pt>
                <c:pt idx="40">
                  <c:v>-5329038.3950315304</c:v>
                </c:pt>
                <c:pt idx="41">
                  <c:v>-5291807.0373885902</c:v>
                </c:pt>
                <c:pt idx="42">
                  <c:v>-5251885.3480609003</c:v>
                </c:pt>
                <c:pt idx="43">
                  <c:v>-5207775.9360347101</c:v>
                </c:pt>
                <c:pt idx="44">
                  <c:v>-5167339.9682251103</c:v>
                </c:pt>
                <c:pt idx="45">
                  <c:v>-5142813.09042014</c:v>
                </c:pt>
                <c:pt idx="46">
                  <c:v>-5104661.6081229504</c:v>
                </c:pt>
                <c:pt idx="47">
                  <c:v>-5019272.2364723803</c:v>
                </c:pt>
                <c:pt idx="48">
                  <c:v>-4993921.0893458296</c:v>
                </c:pt>
                <c:pt idx="49">
                  <c:v>-4962934.5254185796</c:v>
                </c:pt>
                <c:pt idx="50">
                  <c:v>-4932924.0368395802</c:v>
                </c:pt>
                <c:pt idx="51">
                  <c:v>-4893823.3076090999</c:v>
                </c:pt>
                <c:pt idx="52">
                  <c:v>-4833909.11330467</c:v>
                </c:pt>
                <c:pt idx="53">
                  <c:v>-4767594.1155321803</c:v>
                </c:pt>
                <c:pt idx="54">
                  <c:v>-4700963.00127701</c:v>
                </c:pt>
                <c:pt idx="55">
                  <c:v>-4667767.6092790896</c:v>
                </c:pt>
                <c:pt idx="56">
                  <c:v>-4627903.1486098701</c:v>
                </c:pt>
                <c:pt idx="57">
                  <c:v>-4576301.5853007603</c:v>
                </c:pt>
                <c:pt idx="58">
                  <c:v>-4525641.9990321202</c:v>
                </c:pt>
                <c:pt idx="59">
                  <c:v>-4466779.2665598597</c:v>
                </c:pt>
                <c:pt idx="60">
                  <c:v>-4433386.5561569799</c:v>
                </c:pt>
                <c:pt idx="61">
                  <c:v>-4399778.3217344899</c:v>
                </c:pt>
                <c:pt idx="62">
                  <c:v>-4373274.5303608403</c:v>
                </c:pt>
                <c:pt idx="63">
                  <c:v>-4352503.24749236</c:v>
                </c:pt>
                <c:pt idx="64">
                  <c:v>-4322259.3208074402</c:v>
                </c:pt>
                <c:pt idx="65">
                  <c:v>-4299179.0225155996</c:v>
                </c:pt>
                <c:pt idx="66">
                  <c:v>-4273488.6182590397</c:v>
                </c:pt>
                <c:pt idx="67">
                  <c:v>-4240961.6522362996</c:v>
                </c:pt>
                <c:pt idx="68">
                  <c:v>-4207135.94834093</c:v>
                </c:pt>
                <c:pt idx="69">
                  <c:v>-4162652.4121219199</c:v>
                </c:pt>
                <c:pt idx="70">
                  <c:v>-4145060.9858849798</c:v>
                </c:pt>
                <c:pt idx="71">
                  <c:v>-4098953.2714473498</c:v>
                </c:pt>
                <c:pt idx="72">
                  <c:v>-4074957.4158784798</c:v>
                </c:pt>
                <c:pt idx="73">
                  <c:v>-4053157.9579553399</c:v>
                </c:pt>
                <c:pt idx="74">
                  <c:v>-4032472.6772373202</c:v>
                </c:pt>
                <c:pt idx="75">
                  <c:v>-4009014.8183841002</c:v>
                </c:pt>
                <c:pt idx="76">
                  <c:v>-3981500.6719795</c:v>
                </c:pt>
                <c:pt idx="77">
                  <c:v>-3957685.6980986502</c:v>
                </c:pt>
                <c:pt idx="78">
                  <c:v>-3936949.73212252</c:v>
                </c:pt>
                <c:pt idx="79">
                  <c:v>-3921202.2459553499</c:v>
                </c:pt>
                <c:pt idx="80">
                  <c:v>-3868221.1634475202</c:v>
                </c:pt>
                <c:pt idx="81">
                  <c:v>-3843391.5931738098</c:v>
                </c:pt>
                <c:pt idx="82">
                  <c:v>-3827555.64559589</c:v>
                </c:pt>
                <c:pt idx="83">
                  <c:v>-3803258.59467373</c:v>
                </c:pt>
                <c:pt idx="84">
                  <c:v>-3767431.5996929598</c:v>
                </c:pt>
                <c:pt idx="85">
                  <c:v>-3741939.6835038299</c:v>
                </c:pt>
                <c:pt idx="86">
                  <c:v>-3699327.8931192001</c:v>
                </c:pt>
                <c:pt idx="87">
                  <c:v>-3679897.8811511402</c:v>
                </c:pt>
                <c:pt idx="88">
                  <c:v>-3656325.2279710202</c:v>
                </c:pt>
                <c:pt idx="89">
                  <c:v>-3631137.0861126701</c:v>
                </c:pt>
                <c:pt idx="90">
                  <c:v>-3612021.80145959</c:v>
                </c:pt>
                <c:pt idx="91">
                  <c:v>-3558936.1963363201</c:v>
                </c:pt>
                <c:pt idx="92">
                  <c:v>-3533070.9310179199</c:v>
                </c:pt>
                <c:pt idx="93">
                  <c:v>-3516882.69403109</c:v>
                </c:pt>
                <c:pt idx="94">
                  <c:v>-3486491.15895849</c:v>
                </c:pt>
                <c:pt idx="95">
                  <c:v>-3459590.82259855</c:v>
                </c:pt>
                <c:pt idx="96">
                  <c:v>-3443178.6222808599</c:v>
                </c:pt>
                <c:pt idx="97">
                  <c:v>-3420628.1684767199</c:v>
                </c:pt>
                <c:pt idx="98">
                  <c:v>-3373664.8096566298</c:v>
                </c:pt>
                <c:pt idx="99">
                  <c:v>-3359794.4310128498</c:v>
                </c:pt>
                <c:pt idx="100">
                  <c:v>-3343318.56495156</c:v>
                </c:pt>
                <c:pt idx="101">
                  <c:v>-3322760.3345166901</c:v>
                </c:pt>
                <c:pt idx="102">
                  <c:v>-3295297.9750109199</c:v>
                </c:pt>
                <c:pt idx="103">
                  <c:v>-3280038.2409040499</c:v>
                </c:pt>
                <c:pt idx="104">
                  <c:v>-3255819.3056288199</c:v>
                </c:pt>
                <c:pt idx="105">
                  <c:v>-3241492.89778652</c:v>
                </c:pt>
                <c:pt idx="106">
                  <c:v>-3231172.25512762</c:v>
                </c:pt>
                <c:pt idx="107">
                  <c:v>-3214887.5759714702</c:v>
                </c:pt>
                <c:pt idx="108">
                  <c:v>-3202594.26528185</c:v>
                </c:pt>
                <c:pt idx="109">
                  <c:v>-3178516.48002306</c:v>
                </c:pt>
                <c:pt idx="110">
                  <c:v>-3148184.4676092002</c:v>
                </c:pt>
                <c:pt idx="111">
                  <c:v>-3134242.65914723</c:v>
                </c:pt>
                <c:pt idx="112">
                  <c:v>-3118355.81006611</c:v>
                </c:pt>
                <c:pt idx="113">
                  <c:v>-3104406.4829354598</c:v>
                </c:pt>
                <c:pt idx="114">
                  <c:v>-3077431.1206550598</c:v>
                </c:pt>
                <c:pt idx="115">
                  <c:v>-3059534.95788786</c:v>
                </c:pt>
                <c:pt idx="116">
                  <c:v>-3035157.25874836</c:v>
                </c:pt>
                <c:pt idx="117">
                  <c:v>-3018346.90622559</c:v>
                </c:pt>
                <c:pt idx="118">
                  <c:v>-2983282.3379397402</c:v>
                </c:pt>
                <c:pt idx="119">
                  <c:v>-2961729.1086398698</c:v>
                </c:pt>
                <c:pt idx="120">
                  <c:v>-2940574.7713152599</c:v>
                </c:pt>
                <c:pt idx="121">
                  <c:v>-2920130.2373639401</c:v>
                </c:pt>
                <c:pt idx="122">
                  <c:v>-2904089.19438401</c:v>
                </c:pt>
                <c:pt idx="123">
                  <c:v>-2887879.9025886599</c:v>
                </c:pt>
                <c:pt idx="124">
                  <c:v>-2864684.7535279202</c:v>
                </c:pt>
                <c:pt idx="125">
                  <c:v>-2846003.36165393</c:v>
                </c:pt>
                <c:pt idx="126">
                  <c:v>-2824811.08849421</c:v>
                </c:pt>
                <c:pt idx="127">
                  <c:v>-2799895.8048809599</c:v>
                </c:pt>
                <c:pt idx="128">
                  <c:v>-2779918.9265856701</c:v>
                </c:pt>
                <c:pt idx="129">
                  <c:v>-2765842.86275235</c:v>
                </c:pt>
                <c:pt idx="130">
                  <c:v>-2745390.4570830101</c:v>
                </c:pt>
                <c:pt idx="131">
                  <c:v>-2717894.33298954</c:v>
                </c:pt>
                <c:pt idx="132">
                  <c:v>-2699310.1078173001</c:v>
                </c:pt>
                <c:pt idx="133">
                  <c:v>-2682908.6865013498</c:v>
                </c:pt>
                <c:pt idx="134">
                  <c:v>-2663545.7307882798</c:v>
                </c:pt>
                <c:pt idx="135">
                  <c:v>-2651685.15614306</c:v>
                </c:pt>
                <c:pt idx="136">
                  <c:v>-2634809.1922283098</c:v>
                </c:pt>
                <c:pt idx="137">
                  <c:v>-2626646.5024386002</c:v>
                </c:pt>
                <c:pt idx="138">
                  <c:v>-2616268.7494444</c:v>
                </c:pt>
                <c:pt idx="139">
                  <c:v>-2601135.4083402902</c:v>
                </c:pt>
                <c:pt idx="140">
                  <c:v>-2576277.0823484501</c:v>
                </c:pt>
                <c:pt idx="141">
                  <c:v>-2557400.2577682598</c:v>
                </c:pt>
                <c:pt idx="142">
                  <c:v>-2539855.4278097302</c:v>
                </c:pt>
                <c:pt idx="143">
                  <c:v>-2531911.0052107298</c:v>
                </c:pt>
                <c:pt idx="144">
                  <c:v>-2510276.3433125499</c:v>
                </c:pt>
                <c:pt idx="145">
                  <c:v>-2492311.9804145098</c:v>
                </c:pt>
                <c:pt idx="146">
                  <c:v>-2474192.7620701999</c:v>
                </c:pt>
                <c:pt idx="147">
                  <c:v>-2460261.45761442</c:v>
                </c:pt>
                <c:pt idx="148">
                  <c:v>-2451815.0447539599</c:v>
                </c:pt>
                <c:pt idx="149">
                  <c:v>-2421010.5902647399</c:v>
                </c:pt>
                <c:pt idx="150">
                  <c:v>-2409938.61081341</c:v>
                </c:pt>
                <c:pt idx="151">
                  <c:v>-2396573.3060337901</c:v>
                </c:pt>
                <c:pt idx="152">
                  <c:v>-2384991.1915362198</c:v>
                </c:pt>
                <c:pt idx="153">
                  <c:v>-2371276.8373352401</c:v>
                </c:pt>
                <c:pt idx="154">
                  <c:v>-2344993.3582967701</c:v>
                </c:pt>
                <c:pt idx="155">
                  <c:v>-2334982.3740725899</c:v>
                </c:pt>
                <c:pt idx="156">
                  <c:v>-2322757.8032179601</c:v>
                </c:pt>
                <c:pt idx="157">
                  <c:v>-2315432.0123787001</c:v>
                </c:pt>
                <c:pt idx="158">
                  <c:v>-2304642.58998521</c:v>
                </c:pt>
                <c:pt idx="159">
                  <c:v>-2283458.5834484501</c:v>
                </c:pt>
                <c:pt idx="160">
                  <c:v>-2274912.8393825302</c:v>
                </c:pt>
                <c:pt idx="161">
                  <c:v>-2258801.57808926</c:v>
                </c:pt>
                <c:pt idx="162">
                  <c:v>-2225207.5793687399</c:v>
                </c:pt>
                <c:pt idx="163">
                  <c:v>-2208770.3866271302</c:v>
                </c:pt>
                <c:pt idx="164">
                  <c:v>-2193796.7934524799</c:v>
                </c:pt>
                <c:pt idx="165">
                  <c:v>-2182323.1630364298</c:v>
                </c:pt>
                <c:pt idx="166">
                  <c:v>-2161593.2561354102</c:v>
                </c:pt>
                <c:pt idx="167">
                  <c:v>-2150803.1438481398</c:v>
                </c:pt>
                <c:pt idx="168">
                  <c:v>-2125944.6947551402</c:v>
                </c:pt>
                <c:pt idx="169">
                  <c:v>-2113328.50185072</c:v>
                </c:pt>
                <c:pt idx="170">
                  <c:v>-2099733.4215032002</c:v>
                </c:pt>
                <c:pt idx="171">
                  <c:v>-2078236.5216624101</c:v>
                </c:pt>
                <c:pt idx="172">
                  <c:v>-2071343.3732644699</c:v>
                </c:pt>
                <c:pt idx="173">
                  <c:v>-2046989.11366434</c:v>
                </c:pt>
                <c:pt idx="174">
                  <c:v>-2032414.7356112101</c:v>
                </c:pt>
                <c:pt idx="175">
                  <c:v>-2008432.5442508301</c:v>
                </c:pt>
                <c:pt idx="176">
                  <c:v>-1998883.55833007</c:v>
                </c:pt>
                <c:pt idx="177">
                  <c:v>-1986720.63067845</c:v>
                </c:pt>
                <c:pt idx="178">
                  <c:v>-1975735.2665625</c:v>
                </c:pt>
                <c:pt idx="179">
                  <c:v>-1958954.4175553101</c:v>
                </c:pt>
                <c:pt idx="180">
                  <c:v>-1949085.0951962599</c:v>
                </c:pt>
                <c:pt idx="181">
                  <c:v>-1941401.0194254599</c:v>
                </c:pt>
                <c:pt idx="182">
                  <c:v>-1928015.7610832001</c:v>
                </c:pt>
                <c:pt idx="183">
                  <c:v>-1908498.9391900201</c:v>
                </c:pt>
                <c:pt idx="184">
                  <c:v>-1890767.2003601</c:v>
                </c:pt>
                <c:pt idx="185">
                  <c:v>-1874743.38134428</c:v>
                </c:pt>
                <c:pt idx="186">
                  <c:v>-1864916.4542159101</c:v>
                </c:pt>
                <c:pt idx="187">
                  <c:v>-1850473.69380499</c:v>
                </c:pt>
                <c:pt idx="188">
                  <c:v>-1838409.0610456101</c:v>
                </c:pt>
                <c:pt idx="189">
                  <c:v>-1828348.1848669201</c:v>
                </c:pt>
                <c:pt idx="190">
                  <c:v>-1815522.4282697199</c:v>
                </c:pt>
                <c:pt idx="191">
                  <c:v>-1805827.6357690301</c:v>
                </c:pt>
                <c:pt idx="192">
                  <c:v>-1793012.4460984201</c:v>
                </c:pt>
                <c:pt idx="193">
                  <c:v>-1783294.65685085</c:v>
                </c:pt>
                <c:pt idx="194">
                  <c:v>-1767671.0933833299</c:v>
                </c:pt>
                <c:pt idx="195">
                  <c:v>-1756340.7483711999</c:v>
                </c:pt>
                <c:pt idx="196">
                  <c:v>-1739667.76991774</c:v>
                </c:pt>
                <c:pt idx="197">
                  <c:v>-1723318.4789679099</c:v>
                </c:pt>
                <c:pt idx="198">
                  <c:v>-1715962.1494311199</c:v>
                </c:pt>
                <c:pt idx="199">
                  <c:v>-1704630.07171652</c:v>
                </c:pt>
                <c:pt idx="200">
                  <c:v>-1692022.59649624</c:v>
                </c:pt>
                <c:pt idx="201">
                  <c:v>-1672331.7218337399</c:v>
                </c:pt>
                <c:pt idx="202">
                  <c:v>-1656745.26633915</c:v>
                </c:pt>
                <c:pt idx="203">
                  <c:v>-1647523.04477533</c:v>
                </c:pt>
                <c:pt idx="204">
                  <c:v>-1636849.4459099399</c:v>
                </c:pt>
                <c:pt idx="205">
                  <c:v>-1625707.0441962001</c:v>
                </c:pt>
                <c:pt idx="206">
                  <c:v>-1614751.73299859</c:v>
                </c:pt>
                <c:pt idx="207">
                  <c:v>-1606011.1254568</c:v>
                </c:pt>
                <c:pt idx="208">
                  <c:v>-1598109.2070646801</c:v>
                </c:pt>
                <c:pt idx="209">
                  <c:v>-1580906.90905329</c:v>
                </c:pt>
                <c:pt idx="210">
                  <c:v>-1571281.4947966</c:v>
                </c:pt>
                <c:pt idx="211">
                  <c:v>-1558535.85355507</c:v>
                </c:pt>
                <c:pt idx="212">
                  <c:v>-1548947.0500483799</c:v>
                </c:pt>
                <c:pt idx="213">
                  <c:v>-1543858.12050059</c:v>
                </c:pt>
                <c:pt idx="214">
                  <c:v>-1532956.69142331</c:v>
                </c:pt>
                <c:pt idx="215">
                  <c:v>-1530508.26449224</c:v>
                </c:pt>
                <c:pt idx="216">
                  <c:v>-1522684.39721488</c:v>
                </c:pt>
                <c:pt idx="217">
                  <c:v>-1515782.76345299</c:v>
                </c:pt>
                <c:pt idx="218">
                  <c:v>-1506347.9690864601</c:v>
                </c:pt>
                <c:pt idx="219">
                  <c:v>-1502329.3365135801</c:v>
                </c:pt>
                <c:pt idx="220">
                  <c:v>-1489856.6742527899</c:v>
                </c:pt>
                <c:pt idx="221">
                  <c:v>-1487225.9188021501</c:v>
                </c:pt>
                <c:pt idx="222">
                  <c:v>-1478012.2912101001</c:v>
                </c:pt>
                <c:pt idx="223">
                  <c:v>-1464153.2226481801</c:v>
                </c:pt>
                <c:pt idx="224">
                  <c:v>-1460195.80040931</c:v>
                </c:pt>
                <c:pt idx="225">
                  <c:v>-1457692.4977915101</c:v>
                </c:pt>
                <c:pt idx="226">
                  <c:v>-1448481.9990410099</c:v>
                </c:pt>
                <c:pt idx="227">
                  <c:v>-1436068.91775551</c:v>
                </c:pt>
                <c:pt idx="228">
                  <c:v>-1428213.0850337599</c:v>
                </c:pt>
                <c:pt idx="229">
                  <c:v>-1421120.01398215</c:v>
                </c:pt>
                <c:pt idx="230">
                  <c:v>-1392958.8099783901</c:v>
                </c:pt>
                <c:pt idx="231">
                  <c:v>-1385361.9981692501</c:v>
                </c:pt>
                <c:pt idx="232">
                  <c:v>-1378894.12155</c:v>
                </c:pt>
                <c:pt idx="233">
                  <c:v>-1371970.5877944699</c:v>
                </c:pt>
                <c:pt idx="234">
                  <c:v>-1364813.2160462399</c:v>
                </c:pt>
                <c:pt idx="235">
                  <c:v>-1359295.34500939</c:v>
                </c:pt>
                <c:pt idx="236">
                  <c:v>-1354149.0244642801</c:v>
                </c:pt>
                <c:pt idx="237">
                  <c:v>-1343056.1069589399</c:v>
                </c:pt>
                <c:pt idx="238">
                  <c:v>-1335336.85977596</c:v>
                </c:pt>
                <c:pt idx="239">
                  <c:v>-1321693.84367133</c:v>
                </c:pt>
                <c:pt idx="240">
                  <c:v>-1286042.9530526199</c:v>
                </c:pt>
                <c:pt idx="241">
                  <c:v>-1273762.8616708501</c:v>
                </c:pt>
                <c:pt idx="242">
                  <c:v>-1268676.65046206</c:v>
                </c:pt>
                <c:pt idx="243">
                  <c:v>-1257130.65246476</c:v>
                </c:pt>
                <c:pt idx="244">
                  <c:v>-1246746.5239388701</c:v>
                </c:pt>
                <c:pt idx="245">
                  <c:v>-1240054.53492297</c:v>
                </c:pt>
                <c:pt idx="246">
                  <c:v>-1234105.1477304201</c:v>
                </c:pt>
                <c:pt idx="247">
                  <c:v>-1222952.0789590101</c:v>
                </c:pt>
                <c:pt idx="248">
                  <c:v>-1215910.0405141299</c:v>
                </c:pt>
                <c:pt idx="249">
                  <c:v>-1197582.3547956599</c:v>
                </c:pt>
                <c:pt idx="250">
                  <c:v>-1190609.0880907399</c:v>
                </c:pt>
                <c:pt idx="251">
                  <c:v>-1181802.3164965599</c:v>
                </c:pt>
                <c:pt idx="252">
                  <c:v>-1162440.47034573</c:v>
                </c:pt>
                <c:pt idx="253">
                  <c:v>-1157547.95144344</c:v>
                </c:pt>
                <c:pt idx="254">
                  <c:v>-1147702.42813226</c:v>
                </c:pt>
                <c:pt idx="255">
                  <c:v>-1137511.4067330901</c:v>
                </c:pt>
                <c:pt idx="256">
                  <c:v>-1125812.4780939899</c:v>
                </c:pt>
                <c:pt idx="257">
                  <c:v>-1123264.1142047599</c:v>
                </c:pt>
                <c:pt idx="258">
                  <c:v>-1116805.2632583301</c:v>
                </c:pt>
                <c:pt idx="259">
                  <c:v>-1113014.6887358001</c:v>
                </c:pt>
                <c:pt idx="260">
                  <c:v>-1109644.6144097999</c:v>
                </c:pt>
                <c:pt idx="261">
                  <c:v>-1102896.5023680499</c:v>
                </c:pt>
                <c:pt idx="262">
                  <c:v>-1098110.19809091</c:v>
                </c:pt>
                <c:pt idx="263">
                  <c:v>-1093913.2128425899</c:v>
                </c:pt>
                <c:pt idx="264">
                  <c:v>-1092064.4869738901</c:v>
                </c:pt>
                <c:pt idx="265">
                  <c:v>-1085899.0730824</c:v>
                </c:pt>
                <c:pt idx="266">
                  <c:v>-1083756.99986829</c:v>
                </c:pt>
                <c:pt idx="267">
                  <c:v>-1075835.4182200599</c:v>
                </c:pt>
                <c:pt idx="268">
                  <c:v>-1070162.7969764499</c:v>
                </c:pt>
                <c:pt idx="269">
                  <c:v>-1051213.4914567999</c:v>
                </c:pt>
                <c:pt idx="270">
                  <c:v>-1039504.09666367</c:v>
                </c:pt>
                <c:pt idx="271">
                  <c:v>-1031394.72259623</c:v>
                </c:pt>
                <c:pt idx="272">
                  <c:v>-1025980.74527934</c:v>
                </c:pt>
                <c:pt idx="273">
                  <c:v>-1019953.6232248</c:v>
                </c:pt>
                <c:pt idx="274">
                  <c:v>-1015024.57606553</c:v>
                </c:pt>
                <c:pt idx="275">
                  <c:v>-1014398.63604607</c:v>
                </c:pt>
                <c:pt idx="276">
                  <c:v>-1006001.42300205</c:v>
                </c:pt>
                <c:pt idx="277">
                  <c:v>-1004143.37822245</c:v>
                </c:pt>
                <c:pt idx="278">
                  <c:v>-991184.42027935002</c:v>
                </c:pt>
                <c:pt idx="279">
                  <c:v>-982757.60792231304</c:v>
                </c:pt>
                <c:pt idx="280">
                  <c:v>-972306.62012758094</c:v>
                </c:pt>
                <c:pt idx="281">
                  <c:v>-968245.83605318796</c:v>
                </c:pt>
                <c:pt idx="282">
                  <c:v>-956505.599971049</c:v>
                </c:pt>
                <c:pt idx="283">
                  <c:v>-948515.27060194802</c:v>
                </c:pt>
                <c:pt idx="284">
                  <c:v>-937605.79404341895</c:v>
                </c:pt>
                <c:pt idx="285">
                  <c:v>-932286.07099087501</c:v>
                </c:pt>
                <c:pt idx="286">
                  <c:v>-922927.00344247499</c:v>
                </c:pt>
                <c:pt idx="287">
                  <c:v>-910296.37575400295</c:v>
                </c:pt>
                <c:pt idx="288">
                  <c:v>-903230.11252630805</c:v>
                </c:pt>
                <c:pt idx="289">
                  <c:v>-901160.316326926</c:v>
                </c:pt>
                <c:pt idx="290">
                  <c:v>-897855.27335434395</c:v>
                </c:pt>
                <c:pt idx="291">
                  <c:v>-885075.49819980399</c:v>
                </c:pt>
                <c:pt idx="292">
                  <c:v>-881081.85597180598</c:v>
                </c:pt>
                <c:pt idx="293">
                  <c:v>-866815.21042722405</c:v>
                </c:pt>
                <c:pt idx="294">
                  <c:v>-858635.21479815699</c:v>
                </c:pt>
                <c:pt idx="295">
                  <c:v>-855166.54607052798</c:v>
                </c:pt>
                <c:pt idx="296">
                  <c:v>-852475.58290637797</c:v>
                </c:pt>
                <c:pt idx="297">
                  <c:v>-850035.70449477504</c:v>
                </c:pt>
                <c:pt idx="298">
                  <c:v>-844242.26128902705</c:v>
                </c:pt>
                <c:pt idx="299">
                  <c:v>-835071.41413877904</c:v>
                </c:pt>
                <c:pt idx="300">
                  <c:v>-831149.31509786705</c:v>
                </c:pt>
                <c:pt idx="301">
                  <c:v>-827553.92757391895</c:v>
                </c:pt>
                <c:pt idx="302">
                  <c:v>-820202.14803491801</c:v>
                </c:pt>
                <c:pt idx="303">
                  <c:v>-815872.09736703103</c:v>
                </c:pt>
                <c:pt idx="304">
                  <c:v>-798366.41313028405</c:v>
                </c:pt>
                <c:pt idx="305">
                  <c:v>-793188.36021578405</c:v>
                </c:pt>
                <c:pt idx="306">
                  <c:v>-789858.42858601501</c:v>
                </c:pt>
                <c:pt idx="307">
                  <c:v>-786341.78449266497</c:v>
                </c:pt>
                <c:pt idx="308">
                  <c:v>-780631.73991985701</c:v>
                </c:pt>
                <c:pt idx="309">
                  <c:v>-779062.09242264798</c:v>
                </c:pt>
                <c:pt idx="310">
                  <c:v>-765264.21149521996</c:v>
                </c:pt>
                <c:pt idx="311">
                  <c:v>-757549.22521834401</c:v>
                </c:pt>
                <c:pt idx="312">
                  <c:v>-749325.88564288197</c:v>
                </c:pt>
                <c:pt idx="313">
                  <c:v>-744679.17214204499</c:v>
                </c:pt>
                <c:pt idx="314">
                  <c:v>-742919.41979116597</c:v>
                </c:pt>
                <c:pt idx="315">
                  <c:v>-740453.23917461303</c:v>
                </c:pt>
                <c:pt idx="316">
                  <c:v>-736596.17104552803</c:v>
                </c:pt>
                <c:pt idx="317">
                  <c:v>-733210.81972919905</c:v>
                </c:pt>
                <c:pt idx="318">
                  <c:v>-722582.41345117695</c:v>
                </c:pt>
                <c:pt idx="319">
                  <c:v>-717653.68163397105</c:v>
                </c:pt>
                <c:pt idx="320">
                  <c:v>-711916.73270208202</c:v>
                </c:pt>
                <c:pt idx="321">
                  <c:v>-710619.61724559497</c:v>
                </c:pt>
                <c:pt idx="322">
                  <c:v>-708444.65152519697</c:v>
                </c:pt>
                <c:pt idx="323">
                  <c:v>-698712.10312298103</c:v>
                </c:pt>
                <c:pt idx="324">
                  <c:v>-692158.45193709701</c:v>
                </c:pt>
                <c:pt idx="325">
                  <c:v>-684153.42854401597</c:v>
                </c:pt>
                <c:pt idx="326">
                  <c:v>-678367.35106080305</c:v>
                </c:pt>
                <c:pt idx="327">
                  <c:v>-671700.736979799</c:v>
                </c:pt>
                <c:pt idx="328">
                  <c:v>-670421.79840983602</c:v>
                </c:pt>
                <c:pt idx="329">
                  <c:v>-667222.03039179603</c:v>
                </c:pt>
                <c:pt idx="330">
                  <c:v>-659148.12076290301</c:v>
                </c:pt>
                <c:pt idx="331">
                  <c:v>-656919.91714847996</c:v>
                </c:pt>
                <c:pt idx="332">
                  <c:v>-647599.24432868802</c:v>
                </c:pt>
                <c:pt idx="333">
                  <c:v>-644492.46792245202</c:v>
                </c:pt>
                <c:pt idx="334">
                  <c:v>-640906.98032817896</c:v>
                </c:pt>
                <c:pt idx="335">
                  <c:v>-638562.73219135799</c:v>
                </c:pt>
                <c:pt idx="336">
                  <c:v>-635416.60354170296</c:v>
                </c:pt>
                <c:pt idx="337">
                  <c:v>-632724.98757541005</c:v>
                </c:pt>
                <c:pt idx="338">
                  <c:v>-624422.55507865199</c:v>
                </c:pt>
                <c:pt idx="339">
                  <c:v>-622910.37722108699</c:v>
                </c:pt>
                <c:pt idx="340">
                  <c:v>-617355.77481242397</c:v>
                </c:pt>
                <c:pt idx="341">
                  <c:v>-612832.45371590997</c:v>
                </c:pt>
                <c:pt idx="342">
                  <c:v>-607305.29865993897</c:v>
                </c:pt>
                <c:pt idx="343">
                  <c:v>-602145.82121190196</c:v>
                </c:pt>
                <c:pt idx="344">
                  <c:v>-599026.58412867098</c:v>
                </c:pt>
                <c:pt idx="345">
                  <c:v>-594797.15827588795</c:v>
                </c:pt>
                <c:pt idx="346">
                  <c:v>-590697.98725095496</c:v>
                </c:pt>
                <c:pt idx="347">
                  <c:v>-588491.93251276901</c:v>
                </c:pt>
                <c:pt idx="348">
                  <c:v>-584537.12023381097</c:v>
                </c:pt>
                <c:pt idx="349">
                  <c:v>-582854.74599697196</c:v>
                </c:pt>
                <c:pt idx="350">
                  <c:v>-581250.01740866702</c:v>
                </c:pt>
                <c:pt idx="351">
                  <c:v>-574325.06234014197</c:v>
                </c:pt>
                <c:pt idx="352">
                  <c:v>-570382.67680240597</c:v>
                </c:pt>
                <c:pt idx="353">
                  <c:v>-566026.45211965498</c:v>
                </c:pt>
                <c:pt idx="354">
                  <c:v>-559848.40225805005</c:v>
                </c:pt>
                <c:pt idx="355">
                  <c:v>-556827.60110923206</c:v>
                </c:pt>
                <c:pt idx="356">
                  <c:v>-549512.39327347197</c:v>
                </c:pt>
                <c:pt idx="357">
                  <c:v>-545276.76567852497</c:v>
                </c:pt>
                <c:pt idx="358">
                  <c:v>-539599.73640082194</c:v>
                </c:pt>
                <c:pt idx="359">
                  <c:v>-534354.68769044999</c:v>
                </c:pt>
                <c:pt idx="360">
                  <c:v>-529625.43292473198</c:v>
                </c:pt>
                <c:pt idx="361">
                  <c:v>-522399.92445553298</c:v>
                </c:pt>
                <c:pt idx="362">
                  <c:v>-518451.32041618403</c:v>
                </c:pt>
                <c:pt idx="363">
                  <c:v>-507864.43819817802</c:v>
                </c:pt>
                <c:pt idx="364">
                  <c:v>-505248.52204804699</c:v>
                </c:pt>
                <c:pt idx="365">
                  <c:v>-498905.295564436</c:v>
                </c:pt>
                <c:pt idx="366">
                  <c:v>-493773.78946014901</c:v>
                </c:pt>
                <c:pt idx="367">
                  <c:v>-487433.60396054899</c:v>
                </c:pt>
                <c:pt idx="368">
                  <c:v>-480041.85312555899</c:v>
                </c:pt>
                <c:pt idx="369">
                  <c:v>-463190.92309374601</c:v>
                </c:pt>
                <c:pt idx="370">
                  <c:v>-458307.154166825</c:v>
                </c:pt>
                <c:pt idx="371">
                  <c:v>-451969.005056302</c:v>
                </c:pt>
                <c:pt idx="372">
                  <c:v>-448181.294844908</c:v>
                </c:pt>
                <c:pt idx="373">
                  <c:v>-446008.152153601</c:v>
                </c:pt>
                <c:pt idx="374">
                  <c:v>-440467.974720589</c:v>
                </c:pt>
                <c:pt idx="375">
                  <c:v>-438699.76369172201</c:v>
                </c:pt>
                <c:pt idx="376">
                  <c:v>-433281.43082776503</c:v>
                </c:pt>
                <c:pt idx="377">
                  <c:v>-425784.09371761099</c:v>
                </c:pt>
                <c:pt idx="378">
                  <c:v>-419331.33574449801</c:v>
                </c:pt>
                <c:pt idx="379">
                  <c:v>-417658.35649873299</c:v>
                </c:pt>
                <c:pt idx="380">
                  <c:v>-414922.61827562097</c:v>
                </c:pt>
                <c:pt idx="381">
                  <c:v>-408077.11489012098</c:v>
                </c:pt>
                <c:pt idx="382">
                  <c:v>-407237.29636069102</c:v>
                </c:pt>
                <c:pt idx="383">
                  <c:v>-406477.28620309202</c:v>
                </c:pt>
                <c:pt idx="384">
                  <c:v>-405295.47709572897</c:v>
                </c:pt>
                <c:pt idx="385">
                  <c:v>-399999.20705468598</c:v>
                </c:pt>
                <c:pt idx="386">
                  <c:v>-399326.41696354299</c:v>
                </c:pt>
                <c:pt idx="387">
                  <c:v>-396162.61791157402</c:v>
                </c:pt>
                <c:pt idx="388">
                  <c:v>-393373.09786888002</c:v>
                </c:pt>
                <c:pt idx="389">
                  <c:v>-386253.19873386301</c:v>
                </c:pt>
                <c:pt idx="390">
                  <c:v>-385908.70997172099</c:v>
                </c:pt>
                <c:pt idx="391">
                  <c:v>-377722.945252384</c:v>
                </c:pt>
                <c:pt idx="392">
                  <c:v>-372270.22511673899</c:v>
                </c:pt>
                <c:pt idx="393">
                  <c:v>-371017.61575253902</c:v>
                </c:pt>
                <c:pt idx="394">
                  <c:v>-364841.47242230101</c:v>
                </c:pt>
                <c:pt idx="395">
                  <c:v>-361439.154993103</c:v>
                </c:pt>
                <c:pt idx="396">
                  <c:v>-356346.18869488098</c:v>
                </c:pt>
                <c:pt idx="397">
                  <c:v>-353352.08097976301</c:v>
                </c:pt>
                <c:pt idx="398">
                  <c:v>-351089.457129166</c:v>
                </c:pt>
                <c:pt idx="399">
                  <c:v>-346633.96608369501</c:v>
                </c:pt>
                <c:pt idx="400">
                  <c:v>-342811.76538829901</c:v>
                </c:pt>
                <c:pt idx="401">
                  <c:v>-339134.77957745502</c:v>
                </c:pt>
                <c:pt idx="402">
                  <c:v>-337090.15938486898</c:v>
                </c:pt>
                <c:pt idx="403">
                  <c:v>-332327.70376638498</c:v>
                </c:pt>
                <c:pt idx="404">
                  <c:v>-326427.36587264301</c:v>
                </c:pt>
                <c:pt idx="405">
                  <c:v>-320369.28102893499</c:v>
                </c:pt>
                <c:pt idx="406">
                  <c:v>-314390.57926547597</c:v>
                </c:pt>
                <c:pt idx="407">
                  <c:v>-309134.94377749902</c:v>
                </c:pt>
                <c:pt idx="408">
                  <c:v>-300291.19485434901</c:v>
                </c:pt>
                <c:pt idx="409">
                  <c:v>-298201.18502104603</c:v>
                </c:pt>
                <c:pt idx="410">
                  <c:v>-298164.06383506203</c:v>
                </c:pt>
                <c:pt idx="411">
                  <c:v>-288821.43597640999</c:v>
                </c:pt>
                <c:pt idx="412">
                  <c:v>-283662.824421236</c:v>
                </c:pt>
                <c:pt idx="413">
                  <c:v>-277578.07907216699</c:v>
                </c:pt>
                <c:pt idx="414">
                  <c:v>-274038.313808757</c:v>
                </c:pt>
                <c:pt idx="415">
                  <c:v>-268311.93841685599</c:v>
                </c:pt>
                <c:pt idx="416">
                  <c:v>-266462.94859817001</c:v>
                </c:pt>
                <c:pt idx="417">
                  <c:v>-264051.99599533499</c:v>
                </c:pt>
                <c:pt idx="418">
                  <c:v>-258496.662197306</c:v>
                </c:pt>
                <c:pt idx="419">
                  <c:v>-252256.877833701</c:v>
                </c:pt>
                <c:pt idx="420">
                  <c:v>-250414.638347531</c:v>
                </c:pt>
                <c:pt idx="421">
                  <c:v>-246132.987493525</c:v>
                </c:pt>
                <c:pt idx="422">
                  <c:v>-245087.55014453601</c:v>
                </c:pt>
                <c:pt idx="423">
                  <c:v>-242330.52691597899</c:v>
                </c:pt>
                <c:pt idx="424">
                  <c:v>-240979.04954633201</c:v>
                </c:pt>
                <c:pt idx="425">
                  <c:v>-239418.50284449899</c:v>
                </c:pt>
                <c:pt idx="426">
                  <c:v>-230469.16394807401</c:v>
                </c:pt>
                <c:pt idx="427">
                  <c:v>-229251.572680729</c:v>
                </c:pt>
                <c:pt idx="428">
                  <c:v>-227353.58001025999</c:v>
                </c:pt>
                <c:pt idx="429">
                  <c:v>-226294.95576239901</c:v>
                </c:pt>
                <c:pt idx="430">
                  <c:v>-223599.169954249</c:v>
                </c:pt>
                <c:pt idx="431">
                  <c:v>-222936.49670944401</c:v>
                </c:pt>
                <c:pt idx="432">
                  <c:v>-218749.08738096899</c:v>
                </c:pt>
                <c:pt idx="433">
                  <c:v>-212371.733859047</c:v>
                </c:pt>
                <c:pt idx="434">
                  <c:v>-211690.570907724</c:v>
                </c:pt>
                <c:pt idx="435">
                  <c:v>-210908.66386809401</c:v>
                </c:pt>
                <c:pt idx="436">
                  <c:v>-211037.06381401699</c:v>
                </c:pt>
                <c:pt idx="437">
                  <c:v>-209289.08715882801</c:v>
                </c:pt>
                <c:pt idx="438">
                  <c:v>-207165.52102985399</c:v>
                </c:pt>
                <c:pt idx="439">
                  <c:v>-202097.82463883099</c:v>
                </c:pt>
                <c:pt idx="440">
                  <c:v>-198544.74052101001</c:v>
                </c:pt>
                <c:pt idx="441">
                  <c:v>-196885.85946646199</c:v>
                </c:pt>
                <c:pt idx="442">
                  <c:v>-191950.99385244501</c:v>
                </c:pt>
                <c:pt idx="443">
                  <c:v>-190383.24623344201</c:v>
                </c:pt>
                <c:pt idx="444">
                  <c:v>-189133.544875864</c:v>
                </c:pt>
                <c:pt idx="445">
                  <c:v>-187936.306000699</c:v>
                </c:pt>
                <c:pt idx="446">
                  <c:v>-185196.88068166299</c:v>
                </c:pt>
                <c:pt idx="447">
                  <c:v>-182524.97896894999</c:v>
                </c:pt>
                <c:pt idx="448">
                  <c:v>-181746.389059293</c:v>
                </c:pt>
                <c:pt idx="449">
                  <c:v>-174308.38626113001</c:v>
                </c:pt>
                <c:pt idx="450">
                  <c:v>-170581.97438411901</c:v>
                </c:pt>
                <c:pt idx="451">
                  <c:v>-168974.765152354</c:v>
                </c:pt>
                <c:pt idx="452">
                  <c:v>-164365.148142322</c:v>
                </c:pt>
                <c:pt idx="453">
                  <c:v>-160644.57950241599</c:v>
                </c:pt>
                <c:pt idx="454">
                  <c:v>-160651.06094609899</c:v>
                </c:pt>
                <c:pt idx="455">
                  <c:v>-159596.31016465899</c:v>
                </c:pt>
                <c:pt idx="456">
                  <c:v>-156711.66504504299</c:v>
                </c:pt>
                <c:pt idx="457">
                  <c:v>-155918.420243145</c:v>
                </c:pt>
                <c:pt idx="458">
                  <c:v>-155169.14971047701</c:v>
                </c:pt>
                <c:pt idx="459">
                  <c:v>-154909.19467785701</c:v>
                </c:pt>
                <c:pt idx="460">
                  <c:v>-152668.51733288201</c:v>
                </c:pt>
                <c:pt idx="461">
                  <c:v>-148581.751214444</c:v>
                </c:pt>
                <c:pt idx="462">
                  <c:v>-144521.476781456</c:v>
                </c:pt>
                <c:pt idx="463">
                  <c:v>-142288.55328767799</c:v>
                </c:pt>
                <c:pt idx="464">
                  <c:v>-140076.41897475399</c:v>
                </c:pt>
                <c:pt idx="465">
                  <c:v>-137585.76036263301</c:v>
                </c:pt>
                <c:pt idx="466">
                  <c:v>-132564.33607849001</c:v>
                </c:pt>
                <c:pt idx="467">
                  <c:v>-130406.970620072</c:v>
                </c:pt>
                <c:pt idx="468">
                  <c:v>-125279.018457261</c:v>
                </c:pt>
                <c:pt idx="469">
                  <c:v>-120766.46817719399</c:v>
                </c:pt>
                <c:pt idx="470">
                  <c:v>-119932.375625224</c:v>
                </c:pt>
                <c:pt idx="471">
                  <c:v>-117004.425776246</c:v>
                </c:pt>
                <c:pt idx="472">
                  <c:v>-116097.933670838</c:v>
                </c:pt>
                <c:pt idx="473">
                  <c:v>-111861.91956246</c:v>
                </c:pt>
                <c:pt idx="474">
                  <c:v>-111844.701138399</c:v>
                </c:pt>
                <c:pt idx="475">
                  <c:v>-106374.01528495199</c:v>
                </c:pt>
                <c:pt idx="476">
                  <c:v>-107081.78272227501</c:v>
                </c:pt>
                <c:pt idx="477">
                  <c:v>-103882.816233498</c:v>
                </c:pt>
                <c:pt idx="478">
                  <c:v>-102869.706577761</c:v>
                </c:pt>
                <c:pt idx="479">
                  <c:v>-100044.042574425</c:v>
                </c:pt>
                <c:pt idx="480">
                  <c:v>-97948.160189644695</c:v>
                </c:pt>
                <c:pt idx="481">
                  <c:v>-91890.772829395297</c:v>
                </c:pt>
                <c:pt idx="482">
                  <c:v>-89747.817729945295</c:v>
                </c:pt>
                <c:pt idx="483">
                  <c:v>-88831.656438935097</c:v>
                </c:pt>
                <c:pt idx="484">
                  <c:v>-87413.670109340004</c:v>
                </c:pt>
                <c:pt idx="485">
                  <c:v>-86652.625296562197</c:v>
                </c:pt>
                <c:pt idx="486">
                  <c:v>-81100.672272014694</c:v>
                </c:pt>
                <c:pt idx="487">
                  <c:v>-80077.230721708896</c:v>
                </c:pt>
                <c:pt idx="488">
                  <c:v>-77481.526883913393</c:v>
                </c:pt>
                <c:pt idx="489">
                  <c:v>-72447.834624527997</c:v>
                </c:pt>
                <c:pt idx="490">
                  <c:v>-70479.249160767096</c:v>
                </c:pt>
                <c:pt idx="491">
                  <c:v>-67922.167899476393</c:v>
                </c:pt>
                <c:pt idx="492">
                  <c:v>-65247.265349506903</c:v>
                </c:pt>
                <c:pt idx="493">
                  <c:v>-63391.343538177898</c:v>
                </c:pt>
                <c:pt idx="494">
                  <c:v>-59976.039181038002</c:v>
                </c:pt>
                <c:pt idx="495">
                  <c:v>-59205.571697721702</c:v>
                </c:pt>
                <c:pt idx="496">
                  <c:v>-55405.298693986399</c:v>
                </c:pt>
                <c:pt idx="497">
                  <c:v>-51690.002417617499</c:v>
                </c:pt>
                <c:pt idx="498">
                  <c:v>-50795.574576847299</c:v>
                </c:pt>
                <c:pt idx="499">
                  <c:v>-49177.720786354701</c:v>
                </c:pt>
                <c:pt idx="500">
                  <c:v>-47477.552868625797</c:v>
                </c:pt>
                <c:pt idx="501">
                  <c:v>-46852.7477325746</c:v>
                </c:pt>
                <c:pt idx="502">
                  <c:v>-44643.460431734602</c:v>
                </c:pt>
                <c:pt idx="503">
                  <c:v>-45805.250547410702</c:v>
                </c:pt>
                <c:pt idx="504">
                  <c:v>-43508.142104075501</c:v>
                </c:pt>
                <c:pt idx="505">
                  <c:v>-40693.975446172102</c:v>
                </c:pt>
                <c:pt idx="506">
                  <c:v>-37057.385639105501</c:v>
                </c:pt>
                <c:pt idx="507">
                  <c:v>-36169.250280924403</c:v>
                </c:pt>
                <c:pt idx="508">
                  <c:v>-34710.956606968299</c:v>
                </c:pt>
                <c:pt idx="509">
                  <c:v>-33520.5514583564</c:v>
                </c:pt>
                <c:pt idx="510">
                  <c:v>-32059.269077475899</c:v>
                </c:pt>
                <c:pt idx="511">
                  <c:v>-29582.355880056501</c:v>
                </c:pt>
                <c:pt idx="512">
                  <c:v>-28210.342133546201</c:v>
                </c:pt>
                <c:pt idx="513">
                  <c:v>-26461.219629876799</c:v>
                </c:pt>
                <c:pt idx="514">
                  <c:v>-22737.4875678914</c:v>
                </c:pt>
                <c:pt idx="515">
                  <c:v>-18316.0050325587</c:v>
                </c:pt>
                <c:pt idx="516">
                  <c:v>-14493.0371899072</c:v>
                </c:pt>
                <c:pt idx="517">
                  <c:v>-14287.436382465799</c:v>
                </c:pt>
                <c:pt idx="518">
                  <c:v>-13469.8751820098</c:v>
                </c:pt>
                <c:pt idx="519">
                  <c:v>-12068.1274445781</c:v>
                </c:pt>
                <c:pt idx="520">
                  <c:v>-5326.4116699451097</c:v>
                </c:pt>
                <c:pt idx="521">
                  <c:v>713.62139061046798</c:v>
                </c:pt>
                <c:pt idx="522">
                  <c:v>3202.7667720518102</c:v>
                </c:pt>
                <c:pt idx="523">
                  <c:v>3696.44949118979</c:v>
                </c:pt>
                <c:pt idx="524">
                  <c:v>4590.4291798232598</c:v>
                </c:pt>
                <c:pt idx="525">
                  <c:v>5629.6506988997598</c:v>
                </c:pt>
                <c:pt idx="526">
                  <c:v>7031.5307110345502</c:v>
                </c:pt>
                <c:pt idx="527">
                  <c:v>6456.4764345867998</c:v>
                </c:pt>
                <c:pt idx="528">
                  <c:v>7989.5255843319501</c:v>
                </c:pt>
                <c:pt idx="529">
                  <c:v>10866.468117804699</c:v>
                </c:pt>
                <c:pt idx="530">
                  <c:v>13727.181558045801</c:v>
                </c:pt>
                <c:pt idx="531">
                  <c:v>13219.054615774199</c:v>
                </c:pt>
                <c:pt idx="532">
                  <c:v>17097.477316418899</c:v>
                </c:pt>
                <c:pt idx="533">
                  <c:v>17849.350572515701</c:v>
                </c:pt>
                <c:pt idx="534">
                  <c:v>19260.203382209202</c:v>
                </c:pt>
                <c:pt idx="535">
                  <c:v>20717.128748446001</c:v>
                </c:pt>
                <c:pt idx="536">
                  <c:v>22384.111440520501</c:v>
                </c:pt>
                <c:pt idx="537">
                  <c:v>26606.107274031001</c:v>
                </c:pt>
                <c:pt idx="538">
                  <c:v>34333.844292341302</c:v>
                </c:pt>
                <c:pt idx="539">
                  <c:v>38151.292253550098</c:v>
                </c:pt>
                <c:pt idx="540">
                  <c:v>39000.200745207498</c:v>
                </c:pt>
                <c:pt idx="541">
                  <c:v>42376.2712367356</c:v>
                </c:pt>
                <c:pt idx="542">
                  <c:v>47514.900812816799</c:v>
                </c:pt>
                <c:pt idx="543">
                  <c:v>48458.750850370598</c:v>
                </c:pt>
                <c:pt idx="544">
                  <c:v>50651.467255398602</c:v>
                </c:pt>
                <c:pt idx="545">
                  <c:v>54301.875435488502</c:v>
                </c:pt>
                <c:pt idx="546">
                  <c:v>56894.367771688601</c:v>
                </c:pt>
                <c:pt idx="547">
                  <c:v>57601.853855135203</c:v>
                </c:pt>
                <c:pt idx="548">
                  <c:v>58603.972884589602</c:v>
                </c:pt>
                <c:pt idx="549">
                  <c:v>59822.369020667204</c:v>
                </c:pt>
                <c:pt idx="550">
                  <c:v>62204.4412536768</c:v>
                </c:pt>
                <c:pt idx="551">
                  <c:v>65805.309853165396</c:v>
                </c:pt>
                <c:pt idx="552">
                  <c:v>67039.556018978401</c:v>
                </c:pt>
                <c:pt idx="553">
                  <c:v>68990.903333543305</c:v>
                </c:pt>
                <c:pt idx="554">
                  <c:v>68669.695892100004</c:v>
                </c:pt>
                <c:pt idx="555">
                  <c:v>68939.3327610134</c:v>
                </c:pt>
                <c:pt idx="556">
                  <c:v>71862.357958101406</c:v>
                </c:pt>
                <c:pt idx="557">
                  <c:v>73790.491515453905</c:v>
                </c:pt>
                <c:pt idx="558">
                  <c:v>74801.354698316194</c:v>
                </c:pt>
                <c:pt idx="559">
                  <c:v>75757.147346206504</c:v>
                </c:pt>
                <c:pt idx="560">
                  <c:v>77149.137060830093</c:v>
                </c:pt>
                <c:pt idx="561">
                  <c:v>77472.087879877799</c:v>
                </c:pt>
                <c:pt idx="562">
                  <c:v>81058.528069367894</c:v>
                </c:pt>
                <c:pt idx="563">
                  <c:v>90023.034372953</c:v>
                </c:pt>
                <c:pt idx="564">
                  <c:v>90492.829238544</c:v>
                </c:pt>
                <c:pt idx="565">
                  <c:v>91328.477977533097</c:v>
                </c:pt>
                <c:pt idx="566">
                  <c:v>95149.588806141604</c:v>
                </c:pt>
                <c:pt idx="567">
                  <c:v>96004.406533425397</c:v>
                </c:pt>
                <c:pt idx="568">
                  <c:v>96612.268019063195</c:v>
                </c:pt>
                <c:pt idx="569">
                  <c:v>98666.664922640703</c:v>
                </c:pt>
                <c:pt idx="570">
                  <c:v>103095.57413966701</c:v>
                </c:pt>
                <c:pt idx="571">
                  <c:v>105580.319521222</c:v>
                </c:pt>
                <c:pt idx="572">
                  <c:v>107271.548130877</c:v>
                </c:pt>
                <c:pt idx="573">
                  <c:v>109366.371879085</c:v>
                </c:pt>
                <c:pt idx="574">
                  <c:v>110016.04485765701</c:v>
                </c:pt>
                <c:pt idx="575">
                  <c:v>110685.54284144699</c:v>
                </c:pt>
                <c:pt idx="576">
                  <c:v>111527.111290701</c:v>
                </c:pt>
                <c:pt idx="577">
                  <c:v>111815.039251824</c:v>
                </c:pt>
                <c:pt idx="578">
                  <c:v>113024.254488475</c:v>
                </c:pt>
                <c:pt idx="579">
                  <c:v>115637.05273573801</c:v>
                </c:pt>
                <c:pt idx="580">
                  <c:v>116399.784691821</c:v>
                </c:pt>
                <c:pt idx="581">
                  <c:v>124460.67831097799</c:v>
                </c:pt>
                <c:pt idx="582">
                  <c:v>127143.056598517</c:v>
                </c:pt>
                <c:pt idx="583">
                  <c:v>128741.000965482</c:v>
                </c:pt>
                <c:pt idx="584">
                  <c:v>128915.15483187699</c:v>
                </c:pt>
                <c:pt idx="585">
                  <c:v>135340.96416838901</c:v>
                </c:pt>
                <c:pt idx="586">
                  <c:v>135748.979651409</c:v>
                </c:pt>
                <c:pt idx="587">
                  <c:v>137982.16418448999</c:v>
                </c:pt>
                <c:pt idx="588">
                  <c:v>139227.44613273599</c:v>
                </c:pt>
                <c:pt idx="589">
                  <c:v>139310.89691783601</c:v>
                </c:pt>
                <c:pt idx="590">
                  <c:v>139188.04882216299</c:v>
                </c:pt>
                <c:pt idx="591">
                  <c:v>141619.86416496299</c:v>
                </c:pt>
                <c:pt idx="592">
                  <c:v>142173.16042038801</c:v>
                </c:pt>
                <c:pt idx="593">
                  <c:v>143930.421994912</c:v>
                </c:pt>
                <c:pt idx="594">
                  <c:v>144415.17485936399</c:v>
                </c:pt>
                <c:pt idx="595">
                  <c:v>144676.06242235901</c:v>
                </c:pt>
                <c:pt idx="596">
                  <c:v>153208.583545745</c:v>
                </c:pt>
                <c:pt idx="597">
                  <c:v>153192.97901366599</c:v>
                </c:pt>
                <c:pt idx="598">
                  <c:v>154711.790044158</c:v>
                </c:pt>
                <c:pt idx="599">
                  <c:v>155926.93704156001</c:v>
                </c:pt>
                <c:pt idx="600">
                  <c:v>157549.74849393801</c:v>
                </c:pt>
                <c:pt idx="601">
                  <c:v>158682.05419349601</c:v>
                </c:pt>
                <c:pt idx="602">
                  <c:v>159218.62257957601</c:v>
                </c:pt>
                <c:pt idx="603">
                  <c:v>162896.047368634</c:v>
                </c:pt>
                <c:pt idx="604">
                  <c:v>170774.79304993301</c:v>
                </c:pt>
                <c:pt idx="605">
                  <c:v>171255.20569859</c:v>
                </c:pt>
                <c:pt idx="606">
                  <c:v>172409.71071182899</c:v>
                </c:pt>
                <c:pt idx="607">
                  <c:v>175715.272936881</c:v>
                </c:pt>
                <c:pt idx="608">
                  <c:v>178776.07317972899</c:v>
                </c:pt>
                <c:pt idx="609">
                  <c:v>180350.83167674299</c:v>
                </c:pt>
                <c:pt idx="610">
                  <c:v>182789.02343238</c:v>
                </c:pt>
                <c:pt idx="611">
                  <c:v>184020.92780705701</c:v>
                </c:pt>
                <c:pt idx="612">
                  <c:v>185843.67021767399</c:v>
                </c:pt>
                <c:pt idx="613">
                  <c:v>186436.28127755501</c:v>
                </c:pt>
                <c:pt idx="614">
                  <c:v>188828.645509733</c:v>
                </c:pt>
                <c:pt idx="615">
                  <c:v>191771.855918154</c:v>
                </c:pt>
                <c:pt idx="616">
                  <c:v>195726.85497443299</c:v>
                </c:pt>
                <c:pt idx="617">
                  <c:v>195658.017946226</c:v>
                </c:pt>
                <c:pt idx="618">
                  <c:v>199968.38215476199</c:v>
                </c:pt>
                <c:pt idx="619">
                  <c:v>200732.99352011</c:v>
                </c:pt>
                <c:pt idx="620">
                  <c:v>201935.67135130399</c:v>
                </c:pt>
                <c:pt idx="621">
                  <c:v>203129.08866220401</c:v>
                </c:pt>
                <c:pt idx="622">
                  <c:v>203695.82947499701</c:v>
                </c:pt>
                <c:pt idx="623">
                  <c:v>205205.01441591801</c:v>
                </c:pt>
                <c:pt idx="624">
                  <c:v>206456.798574054</c:v>
                </c:pt>
                <c:pt idx="625">
                  <c:v>206420.43356312899</c:v>
                </c:pt>
                <c:pt idx="626">
                  <c:v>205057.41872110899</c:v>
                </c:pt>
                <c:pt idx="627">
                  <c:v>208702.52453556901</c:v>
                </c:pt>
                <c:pt idx="628">
                  <c:v>212196.38238384601</c:v>
                </c:pt>
                <c:pt idx="629">
                  <c:v>211704.76323407801</c:v>
                </c:pt>
                <c:pt idx="630">
                  <c:v>214662.01879113301</c:v>
                </c:pt>
                <c:pt idx="631">
                  <c:v>215438.15956295701</c:v>
                </c:pt>
                <c:pt idx="632">
                  <c:v>217502.92252531901</c:v>
                </c:pt>
                <c:pt idx="633">
                  <c:v>219687.698485681</c:v>
                </c:pt>
                <c:pt idx="634">
                  <c:v>222258.469115132</c:v>
                </c:pt>
                <c:pt idx="635">
                  <c:v>222255.392740293</c:v>
                </c:pt>
                <c:pt idx="636">
                  <c:v>223774.762245005</c:v>
                </c:pt>
                <c:pt idx="637">
                  <c:v>224116.284622217</c:v>
                </c:pt>
                <c:pt idx="638">
                  <c:v>223769.75878762599</c:v>
                </c:pt>
                <c:pt idx="639">
                  <c:v>224311.92224141999</c:v>
                </c:pt>
                <c:pt idx="640">
                  <c:v>225854.42814876599</c:v>
                </c:pt>
                <c:pt idx="641">
                  <c:v>229554.98164624401</c:v>
                </c:pt>
                <c:pt idx="642">
                  <c:v>230126.88228783099</c:v>
                </c:pt>
                <c:pt idx="643">
                  <c:v>231085.162167737</c:v>
                </c:pt>
                <c:pt idx="644">
                  <c:v>230656.55524027601</c:v>
                </c:pt>
                <c:pt idx="645">
                  <c:v>234743.95117567401</c:v>
                </c:pt>
                <c:pt idx="646">
                  <c:v>234829.00310742101</c:v>
                </c:pt>
                <c:pt idx="647">
                  <c:v>235416.26532624001</c:v>
                </c:pt>
                <c:pt idx="648">
                  <c:v>236336.007728861</c:v>
                </c:pt>
                <c:pt idx="649">
                  <c:v>237655.42778281099</c:v>
                </c:pt>
                <c:pt idx="650">
                  <c:v>240939.279495903</c:v>
                </c:pt>
                <c:pt idx="651">
                  <c:v>240918.15534783501</c:v>
                </c:pt>
                <c:pt idx="652">
                  <c:v>245857.251020631</c:v>
                </c:pt>
                <c:pt idx="653">
                  <c:v>248061.32713640301</c:v>
                </c:pt>
                <c:pt idx="654">
                  <c:v>247412.21534196299</c:v>
                </c:pt>
                <c:pt idx="655">
                  <c:v>246857.77491756299</c:v>
                </c:pt>
                <c:pt idx="656">
                  <c:v>248289.33992890801</c:v>
                </c:pt>
                <c:pt idx="657">
                  <c:v>248564.81564604401</c:v>
                </c:pt>
                <c:pt idx="658">
                  <c:v>248427.995790774</c:v>
                </c:pt>
                <c:pt idx="659">
                  <c:v>250141.08129352401</c:v>
                </c:pt>
                <c:pt idx="660">
                  <c:v>251333.13621300799</c:v>
                </c:pt>
                <c:pt idx="661">
                  <c:v>251833.38841037199</c:v>
                </c:pt>
                <c:pt idx="662">
                  <c:v>252331.17733823499</c:v>
                </c:pt>
                <c:pt idx="663">
                  <c:v>253611.94807426599</c:v>
                </c:pt>
                <c:pt idx="664">
                  <c:v>254937.44875412399</c:v>
                </c:pt>
                <c:pt idx="665">
                  <c:v>255093.71552181599</c:v>
                </c:pt>
                <c:pt idx="666">
                  <c:v>255101.54608396001</c:v>
                </c:pt>
                <c:pt idx="667">
                  <c:v>255641.568885452</c:v>
                </c:pt>
                <c:pt idx="668">
                  <c:v>257489.38713339399</c:v>
                </c:pt>
                <c:pt idx="669">
                  <c:v>259354.95986265401</c:v>
                </c:pt>
                <c:pt idx="670">
                  <c:v>258628.88526096701</c:v>
                </c:pt>
                <c:pt idx="671">
                  <c:v>257932.53689113801</c:v>
                </c:pt>
                <c:pt idx="672">
                  <c:v>257392.694620747</c:v>
                </c:pt>
                <c:pt idx="673">
                  <c:v>257929.51421620301</c:v>
                </c:pt>
                <c:pt idx="674">
                  <c:v>259521.08066609199</c:v>
                </c:pt>
                <c:pt idx="675">
                  <c:v>260226.54408268299</c:v>
                </c:pt>
                <c:pt idx="676">
                  <c:v>262765.20247810701</c:v>
                </c:pt>
                <c:pt idx="677">
                  <c:v>263005.54042944498</c:v>
                </c:pt>
                <c:pt idx="678">
                  <c:v>262229.682293444</c:v>
                </c:pt>
                <c:pt idx="679">
                  <c:v>262906.04246563598</c:v>
                </c:pt>
                <c:pt idx="680">
                  <c:v>262251.61112034298</c:v>
                </c:pt>
                <c:pt idx="681">
                  <c:v>263008.43254301499</c:v>
                </c:pt>
                <c:pt idx="682">
                  <c:v>263594.44153934799</c:v>
                </c:pt>
                <c:pt idx="683">
                  <c:v>268967.916431116</c:v>
                </c:pt>
                <c:pt idx="684">
                  <c:v>269727.26499609102</c:v>
                </c:pt>
                <c:pt idx="685">
                  <c:v>269906.35836866702</c:v>
                </c:pt>
                <c:pt idx="686">
                  <c:v>271066.77206785599</c:v>
                </c:pt>
                <c:pt idx="687">
                  <c:v>269693.15561777703</c:v>
                </c:pt>
                <c:pt idx="688">
                  <c:v>270118.315897052</c:v>
                </c:pt>
                <c:pt idx="689">
                  <c:v>269735.81910796301</c:v>
                </c:pt>
                <c:pt idx="690">
                  <c:v>269741.79510317999</c:v>
                </c:pt>
                <c:pt idx="691">
                  <c:v>270605.96945333999</c:v>
                </c:pt>
                <c:pt idx="692">
                  <c:v>272876.14841778099</c:v>
                </c:pt>
                <c:pt idx="693">
                  <c:v>273876.596413747</c:v>
                </c:pt>
                <c:pt idx="694">
                  <c:v>273631.32593822002</c:v>
                </c:pt>
                <c:pt idx="695">
                  <c:v>273808.61830580502</c:v>
                </c:pt>
                <c:pt idx="696">
                  <c:v>273908.70252062997</c:v>
                </c:pt>
                <c:pt idx="697">
                  <c:v>275715.949773787</c:v>
                </c:pt>
                <c:pt idx="698">
                  <c:v>278602.26517479302</c:v>
                </c:pt>
                <c:pt idx="699">
                  <c:v>282318.13804222102</c:v>
                </c:pt>
                <c:pt idx="700">
                  <c:v>282705.55907516298</c:v>
                </c:pt>
                <c:pt idx="701">
                  <c:v>282690.93724368099</c:v>
                </c:pt>
                <c:pt idx="702">
                  <c:v>283735.98216237099</c:v>
                </c:pt>
                <c:pt idx="703">
                  <c:v>288006.12719108601</c:v>
                </c:pt>
                <c:pt idx="704">
                  <c:v>288176.716018381</c:v>
                </c:pt>
                <c:pt idx="705">
                  <c:v>288574.76738561603</c:v>
                </c:pt>
                <c:pt idx="706">
                  <c:v>290309.21001956402</c:v>
                </c:pt>
                <c:pt idx="707">
                  <c:v>291259.68176519702</c:v>
                </c:pt>
                <c:pt idx="708">
                  <c:v>293139.59936024598</c:v>
                </c:pt>
                <c:pt idx="709">
                  <c:v>293756.573999324</c:v>
                </c:pt>
                <c:pt idx="710">
                  <c:v>294947.02353140601</c:v>
                </c:pt>
                <c:pt idx="711">
                  <c:v>295870.54821459198</c:v>
                </c:pt>
                <c:pt idx="712">
                  <c:v>297342.59253294801</c:v>
                </c:pt>
                <c:pt idx="713">
                  <c:v>297322.32684339298</c:v>
                </c:pt>
                <c:pt idx="714">
                  <c:v>297158.22064416501</c:v>
                </c:pt>
                <c:pt idx="715">
                  <c:v>297536.71303389902</c:v>
                </c:pt>
                <c:pt idx="716">
                  <c:v>297482.65718198899</c:v>
                </c:pt>
                <c:pt idx="717">
                  <c:v>296936.96027131501</c:v>
                </c:pt>
                <c:pt idx="718">
                  <c:v>298094.09817198297</c:v>
                </c:pt>
                <c:pt idx="719">
                  <c:v>299729.76362588402</c:v>
                </c:pt>
                <c:pt idx="720">
                  <c:v>300557.77534720302</c:v>
                </c:pt>
                <c:pt idx="721">
                  <c:v>301312.52958249499</c:v>
                </c:pt>
                <c:pt idx="722">
                  <c:v>301352.84524515999</c:v>
                </c:pt>
                <c:pt idx="723">
                  <c:v>299830.80696747202</c:v>
                </c:pt>
                <c:pt idx="724">
                  <c:v>299629.80079424998</c:v>
                </c:pt>
                <c:pt idx="725">
                  <c:v>300625.37864997599</c:v>
                </c:pt>
                <c:pt idx="726">
                  <c:v>300355.50162253901</c:v>
                </c:pt>
                <c:pt idx="727">
                  <c:v>301274.117043073</c:v>
                </c:pt>
                <c:pt idx="728">
                  <c:v>300142.17110548902</c:v>
                </c:pt>
                <c:pt idx="729">
                  <c:v>300166.21159943502</c:v>
                </c:pt>
                <c:pt idx="730">
                  <c:v>300999.98803394201</c:v>
                </c:pt>
                <c:pt idx="731">
                  <c:v>301859.78116236301</c:v>
                </c:pt>
                <c:pt idx="732">
                  <c:v>300911.83922726801</c:v>
                </c:pt>
                <c:pt idx="733">
                  <c:v>301265.54415631603</c:v>
                </c:pt>
                <c:pt idx="734">
                  <c:v>300619.10463130602</c:v>
                </c:pt>
                <c:pt idx="735">
                  <c:v>300432.69512337598</c:v>
                </c:pt>
                <c:pt idx="736">
                  <c:v>300619.26875874802</c:v>
                </c:pt>
                <c:pt idx="737">
                  <c:v>300671.348230167</c:v>
                </c:pt>
                <c:pt idx="738">
                  <c:v>301968.45100821398</c:v>
                </c:pt>
                <c:pt idx="739">
                  <c:v>301651.55891012499</c:v>
                </c:pt>
                <c:pt idx="740">
                  <c:v>301516.427778596</c:v>
                </c:pt>
                <c:pt idx="741">
                  <c:v>302170.591278059</c:v>
                </c:pt>
                <c:pt idx="742">
                  <c:v>302558.36324576498</c:v>
                </c:pt>
                <c:pt idx="743">
                  <c:v>302255.25575223798</c:v>
                </c:pt>
                <c:pt idx="744">
                  <c:v>301474.26271715801</c:v>
                </c:pt>
                <c:pt idx="745">
                  <c:v>302538.48745256203</c:v>
                </c:pt>
                <c:pt idx="746">
                  <c:v>302336.21722330799</c:v>
                </c:pt>
                <c:pt idx="747">
                  <c:v>303118.56828203303</c:v>
                </c:pt>
                <c:pt idx="748">
                  <c:v>303898.37083266798</c:v>
                </c:pt>
                <c:pt idx="749">
                  <c:v>303722.52004018001</c:v>
                </c:pt>
                <c:pt idx="750">
                  <c:v>303083.967618683</c:v>
                </c:pt>
                <c:pt idx="751">
                  <c:v>310006.31115044001</c:v>
                </c:pt>
                <c:pt idx="752">
                  <c:v>309865.73216766701</c:v>
                </c:pt>
                <c:pt idx="753">
                  <c:v>310408.57318525098</c:v>
                </c:pt>
                <c:pt idx="754">
                  <c:v>310975.82385827397</c:v>
                </c:pt>
                <c:pt idx="755">
                  <c:v>311271.34397103498</c:v>
                </c:pt>
                <c:pt idx="756">
                  <c:v>311305.31034584099</c:v>
                </c:pt>
                <c:pt idx="757">
                  <c:v>312004.80514449597</c:v>
                </c:pt>
                <c:pt idx="758">
                  <c:v>312021.960485232</c:v>
                </c:pt>
                <c:pt idx="759">
                  <c:v>312934.083554051</c:v>
                </c:pt>
                <c:pt idx="760">
                  <c:v>313817.497282458</c:v>
                </c:pt>
                <c:pt idx="761">
                  <c:v>314663.01217541</c:v>
                </c:pt>
                <c:pt idx="762">
                  <c:v>316342.13964792999</c:v>
                </c:pt>
                <c:pt idx="763">
                  <c:v>316351.166736571</c:v>
                </c:pt>
                <c:pt idx="764">
                  <c:v>316473.46020829299</c:v>
                </c:pt>
                <c:pt idx="765">
                  <c:v>316639.40887362201</c:v>
                </c:pt>
                <c:pt idx="766">
                  <c:v>318688.45699063002</c:v>
                </c:pt>
                <c:pt idx="767">
                  <c:v>317211.80480650399</c:v>
                </c:pt>
                <c:pt idx="768">
                  <c:v>317024.09841802798</c:v>
                </c:pt>
                <c:pt idx="769">
                  <c:v>316041.55905530998</c:v>
                </c:pt>
                <c:pt idx="770">
                  <c:v>315013.98324113298</c:v>
                </c:pt>
                <c:pt idx="771">
                  <c:v>315852.09199423197</c:v>
                </c:pt>
                <c:pt idx="772">
                  <c:v>317907.07202091499</c:v>
                </c:pt>
                <c:pt idx="773">
                  <c:v>317723.75888631801</c:v>
                </c:pt>
                <c:pt idx="774">
                  <c:v>317613.112089545</c:v>
                </c:pt>
                <c:pt idx="775">
                  <c:v>317723.24554904399</c:v>
                </c:pt>
                <c:pt idx="776">
                  <c:v>319179.59547340299</c:v>
                </c:pt>
                <c:pt idx="777">
                  <c:v>318125.04322290799</c:v>
                </c:pt>
                <c:pt idx="778">
                  <c:v>318443.70193968702</c:v>
                </c:pt>
                <c:pt idx="779">
                  <c:v>319385.74351158802</c:v>
                </c:pt>
                <c:pt idx="780">
                  <c:v>318556.63090238802</c:v>
                </c:pt>
                <c:pt idx="781">
                  <c:v>318448.16468747501</c:v>
                </c:pt>
                <c:pt idx="782">
                  <c:v>318394.77846870699</c:v>
                </c:pt>
                <c:pt idx="783">
                  <c:v>319392.54910048097</c:v>
                </c:pt>
                <c:pt idx="784">
                  <c:v>320115.78679983498</c:v>
                </c:pt>
                <c:pt idx="785">
                  <c:v>320622.84545880102</c:v>
                </c:pt>
                <c:pt idx="786">
                  <c:v>321791.28619270201</c:v>
                </c:pt>
                <c:pt idx="787">
                  <c:v>322650.44673645502</c:v>
                </c:pt>
                <c:pt idx="788">
                  <c:v>323677.29939780303</c:v>
                </c:pt>
                <c:pt idx="789">
                  <c:v>324273.50123223802</c:v>
                </c:pt>
                <c:pt idx="790">
                  <c:v>325827.60488003702</c:v>
                </c:pt>
                <c:pt idx="791">
                  <c:v>326755.08564910502</c:v>
                </c:pt>
                <c:pt idx="792">
                  <c:v>326583.506197549</c:v>
                </c:pt>
                <c:pt idx="793">
                  <c:v>327207.391579922</c:v>
                </c:pt>
                <c:pt idx="794">
                  <c:v>327510.499073449</c:v>
                </c:pt>
                <c:pt idx="795">
                  <c:v>328258.08825475199</c:v>
                </c:pt>
                <c:pt idx="796">
                  <c:v>328780.94056710199</c:v>
                </c:pt>
                <c:pt idx="797">
                  <c:v>331299.294928341</c:v>
                </c:pt>
                <c:pt idx="798">
                  <c:v>332034.88382128399</c:v>
                </c:pt>
                <c:pt idx="799">
                  <c:v>332845.60905798897</c:v>
                </c:pt>
                <c:pt idx="800">
                  <c:v>332880.49939067703</c:v>
                </c:pt>
                <c:pt idx="801">
                  <c:v>333269.81972302502</c:v>
                </c:pt>
                <c:pt idx="802">
                  <c:v>333339.95237847499</c:v>
                </c:pt>
                <c:pt idx="803">
                  <c:v>331854.93502262898</c:v>
                </c:pt>
                <c:pt idx="804">
                  <c:v>332763.53558220703</c:v>
                </c:pt>
                <c:pt idx="805">
                  <c:v>332980.65229436097</c:v>
                </c:pt>
                <c:pt idx="806">
                  <c:v>332920.548395177</c:v>
                </c:pt>
                <c:pt idx="807">
                  <c:v>335636.310081681</c:v>
                </c:pt>
                <c:pt idx="808">
                  <c:v>336079.215402589</c:v>
                </c:pt>
                <c:pt idx="809">
                  <c:v>337117.00749462401</c:v>
                </c:pt>
                <c:pt idx="810">
                  <c:v>339605.95213393698</c:v>
                </c:pt>
                <c:pt idx="811">
                  <c:v>339524.22896693199</c:v>
                </c:pt>
                <c:pt idx="812">
                  <c:v>340058.21807328</c:v>
                </c:pt>
                <c:pt idx="813">
                  <c:v>341940.086984717</c:v>
                </c:pt>
                <c:pt idx="814">
                  <c:v>342900.99337095098</c:v>
                </c:pt>
                <c:pt idx="815">
                  <c:v>342246.39162553701</c:v>
                </c:pt>
                <c:pt idx="816">
                  <c:v>344410.96449984098</c:v>
                </c:pt>
                <c:pt idx="817">
                  <c:v>345090.181835539</c:v>
                </c:pt>
                <c:pt idx="818">
                  <c:v>343526.45544669603</c:v>
                </c:pt>
                <c:pt idx="819">
                  <c:v>343367.54856350197</c:v>
                </c:pt>
                <c:pt idx="820">
                  <c:v>343372.700400186</c:v>
                </c:pt>
                <c:pt idx="821">
                  <c:v>343731.98464610602</c:v>
                </c:pt>
                <c:pt idx="822">
                  <c:v>343199.23541600403</c:v>
                </c:pt>
                <c:pt idx="823">
                  <c:v>343599.89104023197</c:v>
                </c:pt>
                <c:pt idx="824">
                  <c:v>344490.62380685098</c:v>
                </c:pt>
                <c:pt idx="825">
                  <c:v>347022.83414811402</c:v>
                </c:pt>
                <c:pt idx="826">
                  <c:v>346030.72472961701</c:v>
                </c:pt>
                <c:pt idx="827">
                  <c:v>344687.59568239597</c:v>
                </c:pt>
                <c:pt idx="828">
                  <c:v>345321.86920971499</c:v>
                </c:pt>
                <c:pt idx="829">
                  <c:v>345825.86666417</c:v>
                </c:pt>
                <c:pt idx="830">
                  <c:v>348417.99604412902</c:v>
                </c:pt>
                <c:pt idx="831">
                  <c:v>349101.165005246</c:v>
                </c:pt>
                <c:pt idx="832">
                  <c:v>348529.91879723902</c:v>
                </c:pt>
                <c:pt idx="833">
                  <c:v>350318.56483783701</c:v>
                </c:pt>
                <c:pt idx="834">
                  <c:v>350366.06761049799</c:v>
                </c:pt>
                <c:pt idx="835">
                  <c:v>348132.71054132498</c:v>
                </c:pt>
                <c:pt idx="836">
                  <c:v>348815.38008126599</c:v>
                </c:pt>
                <c:pt idx="837">
                  <c:v>350974.92096402502</c:v>
                </c:pt>
                <c:pt idx="838">
                  <c:v>351869.49283281498</c:v>
                </c:pt>
                <c:pt idx="839">
                  <c:v>352195.97147875698</c:v>
                </c:pt>
                <c:pt idx="840">
                  <c:v>352455.99409534299</c:v>
                </c:pt>
                <c:pt idx="841">
                  <c:v>352186.85856542003</c:v>
                </c:pt>
                <c:pt idx="842">
                  <c:v>352514.08347567299</c:v>
                </c:pt>
                <c:pt idx="843">
                  <c:v>353420.43263978499</c:v>
                </c:pt>
                <c:pt idx="844">
                  <c:v>353839.08420090802</c:v>
                </c:pt>
                <c:pt idx="845">
                  <c:v>355402.810589751</c:v>
                </c:pt>
                <c:pt idx="846">
                  <c:v>355466.92199315899</c:v>
                </c:pt>
                <c:pt idx="847">
                  <c:v>356038.33013828902</c:v>
                </c:pt>
                <c:pt idx="848">
                  <c:v>355487.19098211901</c:v>
                </c:pt>
                <c:pt idx="849">
                  <c:v>355155.69562821899</c:v>
                </c:pt>
                <c:pt idx="850">
                  <c:v>355002.65358614299</c:v>
                </c:pt>
                <c:pt idx="851">
                  <c:v>354607.155362021</c:v>
                </c:pt>
                <c:pt idx="852">
                  <c:v>352999.73352085199</c:v>
                </c:pt>
                <c:pt idx="853">
                  <c:v>354129.58456906403</c:v>
                </c:pt>
                <c:pt idx="854">
                  <c:v>354950.30445312499</c:v>
                </c:pt>
                <c:pt idx="855">
                  <c:v>355584.33619089302</c:v>
                </c:pt>
                <c:pt idx="856">
                  <c:v>355899.57164574502</c:v>
                </c:pt>
                <c:pt idx="857">
                  <c:v>355597.414704205</c:v>
                </c:pt>
                <c:pt idx="858">
                  <c:v>356273.88261237001</c:v>
                </c:pt>
                <c:pt idx="859">
                  <c:v>355821.36665016401</c:v>
                </c:pt>
                <c:pt idx="860">
                  <c:v>361486.04000977601</c:v>
                </c:pt>
                <c:pt idx="861">
                  <c:v>362892.39910267101</c:v>
                </c:pt>
                <c:pt idx="862">
                  <c:v>362069.04498966801</c:v>
                </c:pt>
                <c:pt idx="863">
                  <c:v>362670.45834693499</c:v>
                </c:pt>
                <c:pt idx="864">
                  <c:v>362713.738214741</c:v>
                </c:pt>
                <c:pt idx="865">
                  <c:v>367319.18541681801</c:v>
                </c:pt>
                <c:pt idx="866">
                  <c:v>367655.35814477998</c:v>
                </c:pt>
                <c:pt idx="867">
                  <c:v>368769.25078553101</c:v>
                </c:pt>
                <c:pt idx="868">
                  <c:v>368752.116663091</c:v>
                </c:pt>
                <c:pt idx="869">
                  <c:v>367642.96341916302</c:v>
                </c:pt>
                <c:pt idx="870">
                  <c:v>368363.97198155499</c:v>
                </c:pt>
                <c:pt idx="871">
                  <c:v>369403.73935763398</c:v>
                </c:pt>
                <c:pt idx="872">
                  <c:v>370186.047631744</c:v>
                </c:pt>
                <c:pt idx="873">
                  <c:v>374025.54161022499</c:v>
                </c:pt>
                <c:pt idx="874">
                  <c:v>372826.48261053697</c:v>
                </c:pt>
                <c:pt idx="875">
                  <c:v>373090.12037960702</c:v>
                </c:pt>
                <c:pt idx="876">
                  <c:v>373183.03544384497</c:v>
                </c:pt>
                <c:pt idx="877">
                  <c:v>373091.879618946</c:v>
                </c:pt>
                <c:pt idx="878">
                  <c:v>373021.00077513902</c:v>
                </c:pt>
                <c:pt idx="879">
                  <c:v>373560.70875808701</c:v>
                </c:pt>
                <c:pt idx="880">
                  <c:v>374636.285664925</c:v>
                </c:pt>
                <c:pt idx="881">
                  <c:v>375323.339323166</c:v>
                </c:pt>
                <c:pt idx="882">
                  <c:v>375861.31647052901</c:v>
                </c:pt>
                <c:pt idx="883">
                  <c:v>377100.350215738</c:v>
                </c:pt>
                <c:pt idx="884">
                  <c:v>379044.75681440998</c:v>
                </c:pt>
                <c:pt idx="885">
                  <c:v>382163.52918093198</c:v>
                </c:pt>
                <c:pt idx="886">
                  <c:v>381842.32218666002</c:v>
                </c:pt>
                <c:pt idx="887">
                  <c:v>379480.73814837099</c:v>
                </c:pt>
                <c:pt idx="888">
                  <c:v>380239.95508841699</c:v>
                </c:pt>
                <c:pt idx="889">
                  <c:v>379194.69150805502</c:v>
                </c:pt>
                <c:pt idx="890">
                  <c:v>379653.099555625</c:v>
                </c:pt>
                <c:pt idx="891">
                  <c:v>380654.02878280898</c:v>
                </c:pt>
                <c:pt idx="892">
                  <c:v>381550.54380053602</c:v>
                </c:pt>
                <c:pt idx="893">
                  <c:v>383438.03438075102</c:v>
                </c:pt>
                <c:pt idx="894">
                  <c:v>383830.774738801</c:v>
                </c:pt>
                <c:pt idx="895">
                  <c:v>384023.47402273701</c:v>
                </c:pt>
                <c:pt idx="896">
                  <c:v>383996.5316934</c:v>
                </c:pt>
                <c:pt idx="897">
                  <c:v>384502.14339144598</c:v>
                </c:pt>
                <c:pt idx="898">
                  <c:v>384889.12749434402</c:v>
                </c:pt>
                <c:pt idx="899">
                  <c:v>385480.66332739498</c:v>
                </c:pt>
                <c:pt idx="900">
                  <c:v>385785.51582395198</c:v>
                </c:pt>
                <c:pt idx="901">
                  <c:v>386170.95541093103</c:v>
                </c:pt>
                <c:pt idx="902">
                  <c:v>386481.35865832597</c:v>
                </c:pt>
                <c:pt idx="903">
                  <c:v>387706.81926201301</c:v>
                </c:pt>
                <c:pt idx="904">
                  <c:v>388183.55105470598</c:v>
                </c:pt>
                <c:pt idx="905">
                  <c:v>389112.50912642799</c:v>
                </c:pt>
                <c:pt idx="906">
                  <c:v>386395.65474487998</c:v>
                </c:pt>
                <c:pt idx="907">
                  <c:v>389882.73949347902</c:v>
                </c:pt>
                <c:pt idx="908">
                  <c:v>389713.86502048798</c:v>
                </c:pt>
                <c:pt idx="909">
                  <c:v>389788.07880214002</c:v>
                </c:pt>
                <c:pt idx="910">
                  <c:v>389733.14349515899</c:v>
                </c:pt>
                <c:pt idx="911">
                  <c:v>390407.86480583</c:v>
                </c:pt>
                <c:pt idx="912">
                  <c:v>388960.02293509501</c:v>
                </c:pt>
                <c:pt idx="913">
                  <c:v>386550.90097170998</c:v>
                </c:pt>
                <c:pt idx="914">
                  <c:v>386623.51754066802</c:v>
                </c:pt>
                <c:pt idx="915">
                  <c:v>386459.15947361698</c:v>
                </c:pt>
                <c:pt idx="916">
                  <c:v>386582.84119035001</c:v>
                </c:pt>
                <c:pt idx="917">
                  <c:v>388016.55880203802</c:v>
                </c:pt>
                <c:pt idx="918">
                  <c:v>388982.35611908999</c:v>
                </c:pt>
                <c:pt idx="919">
                  <c:v>390644.08976452402</c:v>
                </c:pt>
                <c:pt idx="920">
                  <c:v>390095.83482003701</c:v>
                </c:pt>
                <c:pt idx="921">
                  <c:v>390636.00092469301</c:v>
                </c:pt>
                <c:pt idx="922">
                  <c:v>390393.32809104398</c:v>
                </c:pt>
                <c:pt idx="923">
                  <c:v>390721.26686255197</c:v>
                </c:pt>
                <c:pt idx="924">
                  <c:v>390775.99833146401</c:v>
                </c:pt>
                <c:pt idx="925">
                  <c:v>391919.96695476002</c:v>
                </c:pt>
                <c:pt idx="926">
                  <c:v>391619.09612403798</c:v>
                </c:pt>
                <c:pt idx="927">
                  <c:v>397179.49371626897</c:v>
                </c:pt>
                <c:pt idx="928">
                  <c:v>397044.82206938998</c:v>
                </c:pt>
                <c:pt idx="929">
                  <c:v>396644.76897065598</c:v>
                </c:pt>
                <c:pt idx="930">
                  <c:v>396651.11420238297</c:v>
                </c:pt>
                <c:pt idx="931">
                  <c:v>395937.546710041</c:v>
                </c:pt>
                <c:pt idx="932">
                  <c:v>397630.89791364397</c:v>
                </c:pt>
                <c:pt idx="933">
                  <c:v>399926.74775806599</c:v>
                </c:pt>
                <c:pt idx="934">
                  <c:v>399040.366871715</c:v>
                </c:pt>
                <c:pt idx="935">
                  <c:v>398949.85694468801</c:v>
                </c:pt>
                <c:pt idx="936">
                  <c:v>397807.38543011801</c:v>
                </c:pt>
                <c:pt idx="937">
                  <c:v>398124.515120422</c:v>
                </c:pt>
                <c:pt idx="938">
                  <c:v>399195.000299401</c:v>
                </c:pt>
                <c:pt idx="939">
                  <c:v>398888.66430162999</c:v>
                </c:pt>
                <c:pt idx="940">
                  <c:v>398779.161445187</c:v>
                </c:pt>
                <c:pt idx="941">
                  <c:v>397403.31077234598</c:v>
                </c:pt>
                <c:pt idx="942">
                  <c:v>399301.65529153898</c:v>
                </c:pt>
                <c:pt idx="943">
                  <c:v>401025.315217425</c:v>
                </c:pt>
                <c:pt idx="944">
                  <c:v>403882.17542170198</c:v>
                </c:pt>
                <c:pt idx="945">
                  <c:v>403527.38082730398</c:v>
                </c:pt>
                <c:pt idx="946">
                  <c:v>403800.44922637299</c:v>
                </c:pt>
                <c:pt idx="947">
                  <c:v>405380.91155090899</c:v>
                </c:pt>
                <c:pt idx="948">
                  <c:v>407926.88126406103</c:v>
                </c:pt>
                <c:pt idx="949">
                  <c:v>409207.68108215299</c:v>
                </c:pt>
                <c:pt idx="950">
                  <c:v>409631.76253231301</c:v>
                </c:pt>
                <c:pt idx="951">
                  <c:v>410281.97279338201</c:v>
                </c:pt>
                <c:pt idx="952">
                  <c:v>410068.70520404697</c:v>
                </c:pt>
                <c:pt idx="953">
                  <c:v>411345.34422152297</c:v>
                </c:pt>
                <c:pt idx="954">
                  <c:v>411608.22307021101</c:v>
                </c:pt>
                <c:pt idx="955">
                  <c:v>410376.57021623</c:v>
                </c:pt>
                <c:pt idx="956">
                  <c:v>411011.84154987102</c:v>
                </c:pt>
                <c:pt idx="957">
                  <c:v>410619.23888090102</c:v>
                </c:pt>
                <c:pt idx="958">
                  <c:v>412178.90435135103</c:v>
                </c:pt>
                <c:pt idx="959">
                  <c:v>412303.85215375799</c:v>
                </c:pt>
                <c:pt idx="960">
                  <c:v>412786.85333429498</c:v>
                </c:pt>
                <c:pt idx="961">
                  <c:v>412786.85333429399</c:v>
                </c:pt>
                <c:pt idx="962">
                  <c:v>412984.92491235503</c:v>
                </c:pt>
                <c:pt idx="963">
                  <c:v>413861.26269933901</c:v>
                </c:pt>
                <c:pt idx="964">
                  <c:v>414087.53224721202</c:v>
                </c:pt>
                <c:pt idx="965">
                  <c:v>413590.79005670297</c:v>
                </c:pt>
                <c:pt idx="966">
                  <c:v>412672.39291699498</c:v>
                </c:pt>
                <c:pt idx="967">
                  <c:v>413968.902428623</c:v>
                </c:pt>
                <c:pt idx="968">
                  <c:v>414849.71271808201</c:v>
                </c:pt>
                <c:pt idx="969">
                  <c:v>414633.95354466198</c:v>
                </c:pt>
                <c:pt idx="970">
                  <c:v>414298.01079250098</c:v>
                </c:pt>
                <c:pt idx="971">
                  <c:v>413974.591445547</c:v>
                </c:pt>
                <c:pt idx="972">
                  <c:v>414359.92939547601</c:v>
                </c:pt>
                <c:pt idx="973">
                  <c:v>414150.32119055098</c:v>
                </c:pt>
                <c:pt idx="974">
                  <c:v>414294.43827466998</c:v>
                </c:pt>
                <c:pt idx="975">
                  <c:v>414517.578557186</c:v>
                </c:pt>
                <c:pt idx="976">
                  <c:v>414233.10168814001</c:v>
                </c:pt>
                <c:pt idx="977">
                  <c:v>413273.09453907999</c:v>
                </c:pt>
                <c:pt idx="978">
                  <c:v>413305.76218319702</c:v>
                </c:pt>
                <c:pt idx="979">
                  <c:v>413325.98448355898</c:v>
                </c:pt>
                <c:pt idx="980">
                  <c:v>415542.02123446797</c:v>
                </c:pt>
                <c:pt idx="981">
                  <c:v>415600.79116109299</c:v>
                </c:pt>
                <c:pt idx="982">
                  <c:v>415225.14843473199</c:v>
                </c:pt>
                <c:pt idx="983">
                  <c:v>413843.95272310002</c:v>
                </c:pt>
                <c:pt idx="984">
                  <c:v>413355.43787046301</c:v>
                </c:pt>
                <c:pt idx="985">
                  <c:v>413519.35766436101</c:v>
                </c:pt>
                <c:pt idx="986">
                  <c:v>414125.14521132503</c:v>
                </c:pt>
                <c:pt idx="987">
                  <c:v>412541.04248547502</c:v>
                </c:pt>
                <c:pt idx="988">
                  <c:v>412363.14661268803</c:v>
                </c:pt>
                <c:pt idx="989">
                  <c:v>412509.65990971797</c:v>
                </c:pt>
                <c:pt idx="990">
                  <c:v>411912.69938943302</c:v>
                </c:pt>
                <c:pt idx="991">
                  <c:v>412039.09648637701</c:v>
                </c:pt>
                <c:pt idx="992">
                  <c:v>411844.80589157599</c:v>
                </c:pt>
                <c:pt idx="993">
                  <c:v>410795.87376512098</c:v>
                </c:pt>
                <c:pt idx="994">
                  <c:v>410827.45331940998</c:v>
                </c:pt>
                <c:pt idx="995">
                  <c:v>411007.600483249</c:v>
                </c:pt>
                <c:pt idx="996">
                  <c:v>411253.147124045</c:v>
                </c:pt>
                <c:pt idx="997">
                  <c:v>411350.73062820802</c:v>
                </c:pt>
                <c:pt idx="998">
                  <c:v>412658.82117815199</c:v>
                </c:pt>
                <c:pt idx="999">
                  <c:v>413120.76505120099</c:v>
                </c:pt>
                <c:pt idx="1000">
                  <c:v>412804.28039111098</c:v>
                </c:pt>
                <c:pt idx="1001">
                  <c:v>413406.34400182398</c:v>
                </c:pt>
                <c:pt idx="1002">
                  <c:v>413186.62383965601</c:v>
                </c:pt>
                <c:pt idx="1003">
                  <c:v>414153.37262651901</c:v>
                </c:pt>
                <c:pt idx="1004">
                  <c:v>414156.98954166903</c:v>
                </c:pt>
                <c:pt idx="1005">
                  <c:v>414903.71980244602</c:v>
                </c:pt>
                <c:pt idx="1006">
                  <c:v>413666.62109758501</c:v>
                </c:pt>
                <c:pt idx="1007">
                  <c:v>413501.48660256399</c:v>
                </c:pt>
                <c:pt idx="1008">
                  <c:v>413508.96274588699</c:v>
                </c:pt>
                <c:pt idx="1009">
                  <c:v>413446.079768522</c:v>
                </c:pt>
                <c:pt idx="1010">
                  <c:v>413585.26955098403</c:v>
                </c:pt>
                <c:pt idx="1011">
                  <c:v>413579.77971810498</c:v>
                </c:pt>
                <c:pt idx="1012">
                  <c:v>413534.9354287</c:v>
                </c:pt>
                <c:pt idx="1013">
                  <c:v>415064.16434247303</c:v>
                </c:pt>
                <c:pt idx="1014">
                  <c:v>418306.36513551697</c:v>
                </c:pt>
                <c:pt idx="1015">
                  <c:v>419046.77011746302</c:v>
                </c:pt>
                <c:pt idx="1016">
                  <c:v>419036.24966334703</c:v>
                </c:pt>
                <c:pt idx="1017">
                  <c:v>418822.89336004201</c:v>
                </c:pt>
                <c:pt idx="1018">
                  <c:v>423583.48338224803</c:v>
                </c:pt>
                <c:pt idx="1019">
                  <c:v>424659.991041995</c:v>
                </c:pt>
                <c:pt idx="1020">
                  <c:v>424884.94440810499</c:v>
                </c:pt>
                <c:pt idx="1021">
                  <c:v>424864.70378649002</c:v>
                </c:pt>
                <c:pt idx="1022">
                  <c:v>425205.79467671301</c:v>
                </c:pt>
                <c:pt idx="1023">
                  <c:v>424984.148894688</c:v>
                </c:pt>
                <c:pt idx="1024">
                  <c:v>424914.28576432698</c:v>
                </c:pt>
                <c:pt idx="1025">
                  <c:v>425281.51077396801</c:v>
                </c:pt>
                <c:pt idx="1026">
                  <c:v>425485.91046564298</c:v>
                </c:pt>
                <c:pt idx="1027">
                  <c:v>425740.252796482</c:v>
                </c:pt>
                <c:pt idx="1028">
                  <c:v>426228.804169802</c:v>
                </c:pt>
                <c:pt idx="1029">
                  <c:v>426596.79745284299</c:v>
                </c:pt>
                <c:pt idx="1030">
                  <c:v>425306.45616905001</c:v>
                </c:pt>
                <c:pt idx="1031">
                  <c:v>428257.13640373101</c:v>
                </c:pt>
                <c:pt idx="1032">
                  <c:v>427225.86789755197</c:v>
                </c:pt>
                <c:pt idx="1033">
                  <c:v>427419.44787744398</c:v>
                </c:pt>
                <c:pt idx="1034">
                  <c:v>426732.42367810098</c:v>
                </c:pt>
                <c:pt idx="1035">
                  <c:v>426772.13909383502</c:v>
                </c:pt>
                <c:pt idx="1036">
                  <c:v>428007.14961890702</c:v>
                </c:pt>
                <c:pt idx="1037">
                  <c:v>429077.67603038199</c:v>
                </c:pt>
                <c:pt idx="1038">
                  <c:v>434420.68931365397</c:v>
                </c:pt>
                <c:pt idx="1039">
                  <c:v>434514.26110681798</c:v>
                </c:pt>
                <c:pt idx="1040">
                  <c:v>434337.632111385</c:v>
                </c:pt>
                <c:pt idx="1041">
                  <c:v>433911.61352307099</c:v>
                </c:pt>
                <c:pt idx="1042">
                  <c:v>434078.72396295302</c:v>
                </c:pt>
                <c:pt idx="1043">
                  <c:v>435530.87085463799</c:v>
                </c:pt>
                <c:pt idx="1044">
                  <c:v>436404.56747571001</c:v>
                </c:pt>
                <c:pt idx="1045">
                  <c:v>436403.86144183698</c:v>
                </c:pt>
                <c:pt idx="1046">
                  <c:v>438253.11077446799</c:v>
                </c:pt>
                <c:pt idx="1047">
                  <c:v>437767.492280039</c:v>
                </c:pt>
                <c:pt idx="1048">
                  <c:v>437635.00688242703</c:v>
                </c:pt>
                <c:pt idx="1049">
                  <c:v>437652.96832465602</c:v>
                </c:pt>
                <c:pt idx="1050">
                  <c:v>438293.875569041</c:v>
                </c:pt>
                <c:pt idx="1051">
                  <c:v>437750.47907641903</c:v>
                </c:pt>
                <c:pt idx="1052">
                  <c:v>437842.857184647</c:v>
                </c:pt>
                <c:pt idx="1053">
                  <c:v>438213.83556380699</c:v>
                </c:pt>
                <c:pt idx="1054">
                  <c:v>438384.83883046499</c:v>
                </c:pt>
                <c:pt idx="1055">
                  <c:v>437760.69705961901</c:v>
                </c:pt>
                <c:pt idx="1056">
                  <c:v>438075.44682487199</c:v>
                </c:pt>
                <c:pt idx="1057">
                  <c:v>437656.77607864898</c:v>
                </c:pt>
                <c:pt idx="1058">
                  <c:v>438196.206014116</c:v>
                </c:pt>
                <c:pt idx="1059">
                  <c:v>437678.99459309003</c:v>
                </c:pt>
                <c:pt idx="1060">
                  <c:v>438056.19673185702</c:v>
                </c:pt>
                <c:pt idx="1061">
                  <c:v>437620.206788268</c:v>
                </c:pt>
                <c:pt idx="1062">
                  <c:v>436754.45942397002</c:v>
                </c:pt>
                <c:pt idx="1063">
                  <c:v>436223.992033205</c:v>
                </c:pt>
                <c:pt idx="1064">
                  <c:v>437661.03780893597</c:v>
                </c:pt>
                <c:pt idx="1065">
                  <c:v>438110.90399382502</c:v>
                </c:pt>
                <c:pt idx="1066">
                  <c:v>438259.47904295998</c:v>
                </c:pt>
                <c:pt idx="1067">
                  <c:v>438183.68686345802</c:v>
                </c:pt>
                <c:pt idx="1068">
                  <c:v>439432.25340013602</c:v>
                </c:pt>
                <c:pt idx="1069">
                  <c:v>440130.10484958597</c:v>
                </c:pt>
                <c:pt idx="1070">
                  <c:v>440131.59304214502</c:v>
                </c:pt>
                <c:pt idx="1071">
                  <c:v>439580.14436212502</c:v>
                </c:pt>
                <c:pt idx="1072">
                  <c:v>440453.22964765102</c:v>
                </c:pt>
                <c:pt idx="1073">
                  <c:v>438776.16427834902</c:v>
                </c:pt>
                <c:pt idx="1074">
                  <c:v>438295.96042096498</c:v>
                </c:pt>
                <c:pt idx="1075">
                  <c:v>438914.67622656602</c:v>
                </c:pt>
                <c:pt idx="1076">
                  <c:v>440897.25201570702</c:v>
                </c:pt>
                <c:pt idx="1077">
                  <c:v>441001.30300699401</c:v>
                </c:pt>
                <c:pt idx="1078">
                  <c:v>440201.74857637897</c:v>
                </c:pt>
                <c:pt idx="1079">
                  <c:v>440669.37252685899</c:v>
                </c:pt>
                <c:pt idx="1080">
                  <c:v>441211.66856697801</c:v>
                </c:pt>
                <c:pt idx="1081">
                  <c:v>441225.93055589701</c:v>
                </c:pt>
                <c:pt idx="1082">
                  <c:v>441397.80971778801</c:v>
                </c:pt>
                <c:pt idx="1083">
                  <c:v>441624.465608333</c:v>
                </c:pt>
                <c:pt idx="1084">
                  <c:v>441805.52139856003</c:v>
                </c:pt>
                <c:pt idx="1085">
                  <c:v>440824.45096506301</c:v>
                </c:pt>
                <c:pt idx="1086">
                  <c:v>440486.72100782202</c:v>
                </c:pt>
                <c:pt idx="1087">
                  <c:v>441218.26099625899</c:v>
                </c:pt>
                <c:pt idx="1088">
                  <c:v>441915.825463555</c:v>
                </c:pt>
                <c:pt idx="1089">
                  <c:v>441986.989493042</c:v>
                </c:pt>
                <c:pt idx="1090">
                  <c:v>442653.89185843198</c:v>
                </c:pt>
                <c:pt idx="1091">
                  <c:v>443889.20190434798</c:v>
                </c:pt>
                <c:pt idx="1092">
                  <c:v>442908.37838384398</c:v>
                </c:pt>
                <c:pt idx="1093">
                  <c:v>443419.48599397601</c:v>
                </c:pt>
                <c:pt idx="1094">
                  <c:v>444036.032322646</c:v>
                </c:pt>
                <c:pt idx="1095">
                  <c:v>444633.60283480101</c:v>
                </c:pt>
                <c:pt idx="1096">
                  <c:v>445787.30714279599</c:v>
                </c:pt>
                <c:pt idx="1097">
                  <c:v>445401.36854245298</c:v>
                </c:pt>
                <c:pt idx="1098">
                  <c:v>444667.63950585597</c:v>
                </c:pt>
                <c:pt idx="1099">
                  <c:v>445743.631255502</c:v>
                </c:pt>
                <c:pt idx="1100">
                  <c:v>445066.909726649</c:v>
                </c:pt>
                <c:pt idx="1101">
                  <c:v>444679.07739231503</c:v>
                </c:pt>
                <c:pt idx="1102">
                  <c:v>445549.76851419901</c:v>
                </c:pt>
                <c:pt idx="1103">
                  <c:v>447180.10399765702</c:v>
                </c:pt>
                <c:pt idx="1104">
                  <c:v>446643.71943044203</c:v>
                </c:pt>
                <c:pt idx="1105">
                  <c:v>449923.10771989397</c:v>
                </c:pt>
                <c:pt idx="1106">
                  <c:v>448245.704243669</c:v>
                </c:pt>
                <c:pt idx="1107">
                  <c:v>449570.63498921599</c:v>
                </c:pt>
                <c:pt idx="1108">
                  <c:v>450047.47015489399</c:v>
                </c:pt>
                <c:pt idx="1109">
                  <c:v>449665.36400591698</c:v>
                </c:pt>
                <c:pt idx="1110">
                  <c:v>453383.76072724501</c:v>
                </c:pt>
                <c:pt idx="1111">
                  <c:v>454269.18913353002</c:v>
                </c:pt>
                <c:pt idx="1112">
                  <c:v>456003.99262037099</c:v>
                </c:pt>
                <c:pt idx="1113">
                  <c:v>456488.610402847</c:v>
                </c:pt>
                <c:pt idx="1114">
                  <c:v>458088.76843230601</c:v>
                </c:pt>
                <c:pt idx="1115">
                  <c:v>459507.14695865999</c:v>
                </c:pt>
                <c:pt idx="1116">
                  <c:v>461036.46209756599</c:v>
                </c:pt>
                <c:pt idx="1117">
                  <c:v>460362.71404690703</c:v>
                </c:pt>
                <c:pt idx="1118">
                  <c:v>459343.98464374198</c:v>
                </c:pt>
                <c:pt idx="1119">
                  <c:v>459266.89340948901</c:v>
                </c:pt>
                <c:pt idx="1120">
                  <c:v>460020.00082654</c:v>
                </c:pt>
                <c:pt idx="1121">
                  <c:v>459670.28037253598</c:v>
                </c:pt>
                <c:pt idx="1122">
                  <c:v>460546.83641421201</c:v>
                </c:pt>
                <c:pt idx="1123">
                  <c:v>458624.10270302498</c:v>
                </c:pt>
                <c:pt idx="1124">
                  <c:v>457970.55593819701</c:v>
                </c:pt>
                <c:pt idx="1125">
                  <c:v>458804.66344001301</c:v>
                </c:pt>
                <c:pt idx="1126">
                  <c:v>459233.54813934403</c:v>
                </c:pt>
                <c:pt idx="1127">
                  <c:v>459103.09959979402</c:v>
                </c:pt>
                <c:pt idx="1128">
                  <c:v>459103.09959979402</c:v>
                </c:pt>
                <c:pt idx="1129">
                  <c:v>458701.27160791599</c:v>
                </c:pt>
                <c:pt idx="1130">
                  <c:v>458320.049651851</c:v>
                </c:pt>
                <c:pt idx="1131">
                  <c:v>457361.81810337497</c:v>
                </c:pt>
                <c:pt idx="1132">
                  <c:v>456668.80177969899</c:v>
                </c:pt>
                <c:pt idx="1133">
                  <c:v>456007.84530469897</c:v>
                </c:pt>
                <c:pt idx="1134">
                  <c:v>457171.59398461197</c:v>
                </c:pt>
                <c:pt idx="1135">
                  <c:v>458491.618585994</c:v>
                </c:pt>
                <c:pt idx="1136">
                  <c:v>457195.72010569298</c:v>
                </c:pt>
                <c:pt idx="1137">
                  <c:v>458909.88366311602</c:v>
                </c:pt>
                <c:pt idx="1138">
                  <c:v>458912.66119307798</c:v>
                </c:pt>
                <c:pt idx="1139">
                  <c:v>459615.50415110501</c:v>
                </c:pt>
                <c:pt idx="1140">
                  <c:v>460308.52047478099</c:v>
                </c:pt>
                <c:pt idx="1141">
                  <c:v>461002.96532800299</c:v>
                </c:pt>
                <c:pt idx="1142">
                  <c:v>461726.613692788</c:v>
                </c:pt>
                <c:pt idx="1143">
                  <c:v>462137.41066778102</c:v>
                </c:pt>
                <c:pt idx="1144">
                  <c:v>462525.42887857999</c:v>
                </c:pt>
                <c:pt idx="1145">
                  <c:v>463238.13172978599</c:v>
                </c:pt>
                <c:pt idx="1146">
                  <c:v>463846.56610132102</c:v>
                </c:pt>
                <c:pt idx="1147">
                  <c:v>463883.59275908303</c:v>
                </c:pt>
                <c:pt idx="1148">
                  <c:v>463904.30030653399</c:v>
                </c:pt>
                <c:pt idx="1149">
                  <c:v>463754.31822627498</c:v>
                </c:pt>
                <c:pt idx="1150">
                  <c:v>464641.97603004199</c:v>
                </c:pt>
                <c:pt idx="1151">
                  <c:v>464842.64684851997</c:v>
                </c:pt>
                <c:pt idx="1152">
                  <c:v>464153.90206898702</c:v>
                </c:pt>
                <c:pt idx="1153">
                  <c:v>464349.46871590603</c:v>
                </c:pt>
                <c:pt idx="1154">
                  <c:v>464170.653271324</c:v>
                </c:pt>
                <c:pt idx="1155">
                  <c:v>464963.76071941701</c:v>
                </c:pt>
                <c:pt idx="1156">
                  <c:v>464974.28075933398</c:v>
                </c:pt>
                <c:pt idx="1157">
                  <c:v>465031.28994798701</c:v>
                </c:pt>
                <c:pt idx="1158">
                  <c:v>464259.84973883402</c:v>
                </c:pt>
                <c:pt idx="1159">
                  <c:v>463024.33349100099</c:v>
                </c:pt>
                <c:pt idx="1160">
                  <c:v>462841.55351671798</c:v>
                </c:pt>
                <c:pt idx="1161">
                  <c:v>462853.220787203</c:v>
                </c:pt>
                <c:pt idx="1162">
                  <c:v>462859.426799295</c:v>
                </c:pt>
                <c:pt idx="1163">
                  <c:v>463175.16396306001</c:v>
                </c:pt>
                <c:pt idx="1164">
                  <c:v>463243.340632968</c:v>
                </c:pt>
                <c:pt idx="1165">
                  <c:v>464374.54763660498</c:v>
                </c:pt>
                <c:pt idx="1166">
                  <c:v>465330.70468115603</c:v>
                </c:pt>
                <c:pt idx="1167">
                  <c:v>465102.90562548302</c:v>
                </c:pt>
                <c:pt idx="1168">
                  <c:v>465370.89884922298</c:v>
                </c:pt>
                <c:pt idx="1169">
                  <c:v>465973.83712313802</c:v>
                </c:pt>
                <c:pt idx="1170">
                  <c:v>466031.011150031</c:v>
                </c:pt>
                <c:pt idx="1171">
                  <c:v>465824.77736099099</c:v>
                </c:pt>
                <c:pt idx="1172">
                  <c:v>464133.492224071</c:v>
                </c:pt>
                <c:pt idx="1173">
                  <c:v>464361.29127974302</c:v>
                </c:pt>
                <c:pt idx="1174">
                  <c:v>464727.60147051601</c:v>
                </c:pt>
                <c:pt idx="1175">
                  <c:v>466300.24569420301</c:v>
                </c:pt>
                <c:pt idx="1176">
                  <c:v>466204.846582987</c:v>
                </c:pt>
                <c:pt idx="1177">
                  <c:v>466056.73494491098</c:v>
                </c:pt>
                <c:pt idx="1178">
                  <c:v>468318.352694912</c:v>
                </c:pt>
                <c:pt idx="1179">
                  <c:v>471058.54731032701</c:v>
                </c:pt>
                <c:pt idx="1180">
                  <c:v>471238.35319777299</c:v>
                </c:pt>
                <c:pt idx="1181">
                  <c:v>471803.10656674998</c:v>
                </c:pt>
                <c:pt idx="1182">
                  <c:v>472637.16174645303</c:v>
                </c:pt>
                <c:pt idx="1183">
                  <c:v>471914.32320154703</c:v>
                </c:pt>
                <c:pt idx="1184">
                  <c:v>472196.604752074</c:v>
                </c:pt>
                <c:pt idx="1185">
                  <c:v>472022.28323694301</c:v>
                </c:pt>
                <c:pt idx="1186">
                  <c:v>472458.226694852</c:v>
                </c:pt>
                <c:pt idx="1187">
                  <c:v>473434.493969545</c:v>
                </c:pt>
                <c:pt idx="1188">
                  <c:v>473131.58560675097</c:v>
                </c:pt>
                <c:pt idx="1189">
                  <c:v>473006.17135595402</c:v>
                </c:pt>
                <c:pt idx="1190">
                  <c:v>472680.71843283798</c:v>
                </c:pt>
                <c:pt idx="1191">
                  <c:v>473928.461895452</c:v>
                </c:pt>
                <c:pt idx="1192">
                  <c:v>474240.12993104401</c:v>
                </c:pt>
                <c:pt idx="1193">
                  <c:v>474279.69054666499</c:v>
                </c:pt>
                <c:pt idx="1194">
                  <c:v>474296.58805566101</c:v>
                </c:pt>
                <c:pt idx="1195">
                  <c:v>473531.13230043498</c:v>
                </c:pt>
                <c:pt idx="1196">
                  <c:v>474031.81436436099</c:v>
                </c:pt>
                <c:pt idx="1197">
                  <c:v>473787.90742773999</c:v>
                </c:pt>
                <c:pt idx="1198">
                  <c:v>473740.39527790202</c:v>
                </c:pt>
                <c:pt idx="1199">
                  <c:v>473018.50411230302</c:v>
                </c:pt>
                <c:pt idx="1200">
                  <c:v>472577.66086767998</c:v>
                </c:pt>
                <c:pt idx="1201">
                  <c:v>472426.02603014599</c:v>
                </c:pt>
                <c:pt idx="1202">
                  <c:v>472149.01949227299</c:v>
                </c:pt>
                <c:pt idx="1203">
                  <c:v>472874.76063546701</c:v>
                </c:pt>
                <c:pt idx="1204">
                  <c:v>472253.442780432</c:v>
                </c:pt>
                <c:pt idx="1205">
                  <c:v>472369.77422473399</c:v>
                </c:pt>
                <c:pt idx="1206">
                  <c:v>472598.19108740002</c:v>
                </c:pt>
                <c:pt idx="1207">
                  <c:v>473222.37169693102</c:v>
                </c:pt>
                <c:pt idx="1208">
                  <c:v>474819.44971351197</c:v>
                </c:pt>
                <c:pt idx="1209">
                  <c:v>473717.19244493003</c:v>
                </c:pt>
                <c:pt idx="1210">
                  <c:v>477726.20045080699</c:v>
                </c:pt>
                <c:pt idx="1211">
                  <c:v>476027.03404000198</c:v>
                </c:pt>
                <c:pt idx="1212">
                  <c:v>476258.13490466902</c:v>
                </c:pt>
                <c:pt idx="1213">
                  <c:v>476657.48543938098</c:v>
                </c:pt>
                <c:pt idx="1214">
                  <c:v>482706.54715562699</c:v>
                </c:pt>
                <c:pt idx="1215">
                  <c:v>482856.338913446</c:v>
                </c:pt>
                <c:pt idx="1216">
                  <c:v>484555.50532425102</c:v>
                </c:pt>
                <c:pt idx="1217">
                  <c:v>484981.738476169</c:v>
                </c:pt>
                <c:pt idx="1218">
                  <c:v>485151.89980314602</c:v>
                </c:pt>
                <c:pt idx="1219">
                  <c:v>486986.76507093199</c:v>
                </c:pt>
                <c:pt idx="1220">
                  <c:v>486039.44045467698</c:v>
                </c:pt>
                <c:pt idx="1221">
                  <c:v>487404.59525193</c:v>
                </c:pt>
                <c:pt idx="1222">
                  <c:v>487557.304797219</c:v>
                </c:pt>
                <c:pt idx="1223">
                  <c:v>487811.45230531599</c:v>
                </c:pt>
                <c:pt idx="1224">
                  <c:v>487676.62121100002</c:v>
                </c:pt>
                <c:pt idx="1225">
                  <c:v>485733.27017572499</c:v>
                </c:pt>
                <c:pt idx="1226">
                  <c:v>487124.20999692398</c:v>
                </c:pt>
                <c:pt idx="1227">
                  <c:v>487893.37761434203</c:v>
                </c:pt>
                <c:pt idx="1228">
                  <c:v>487864.525198502</c:v>
                </c:pt>
                <c:pt idx="1229">
                  <c:v>487020.90174223401</c:v>
                </c:pt>
                <c:pt idx="1230">
                  <c:v>486213.55836472102</c:v>
                </c:pt>
                <c:pt idx="1231">
                  <c:v>485887.16286236601</c:v>
                </c:pt>
                <c:pt idx="1232">
                  <c:v>485614.33684454201</c:v>
                </c:pt>
                <c:pt idx="1233">
                  <c:v>484562.32751726703</c:v>
                </c:pt>
                <c:pt idx="1234">
                  <c:v>485204.04501817102</c:v>
                </c:pt>
                <c:pt idx="1235">
                  <c:v>485758.33431279898</c:v>
                </c:pt>
                <c:pt idx="1236">
                  <c:v>485586.09121830901</c:v>
                </c:pt>
                <c:pt idx="1237">
                  <c:v>485570.75726226601</c:v>
                </c:pt>
                <c:pt idx="1238">
                  <c:v>487380.675064979</c:v>
                </c:pt>
                <c:pt idx="1239">
                  <c:v>488467.508670646</c:v>
                </c:pt>
                <c:pt idx="1240">
                  <c:v>491545.00226566201</c:v>
                </c:pt>
                <c:pt idx="1241">
                  <c:v>490955.40157541301</c:v>
                </c:pt>
                <c:pt idx="1242">
                  <c:v>490199.33912301401</c:v>
                </c:pt>
                <c:pt idx="1243">
                  <c:v>493139.246203363</c:v>
                </c:pt>
                <c:pt idx="1244">
                  <c:v>494176.62762408098</c:v>
                </c:pt>
                <c:pt idx="1245">
                  <c:v>499165.46817511797</c:v>
                </c:pt>
                <c:pt idx="1246">
                  <c:v>498959.80131492502</c:v>
                </c:pt>
                <c:pt idx="1247">
                  <c:v>499944.45903131599</c:v>
                </c:pt>
                <c:pt idx="1248">
                  <c:v>499333.69156421098</c:v>
                </c:pt>
                <c:pt idx="1249">
                  <c:v>499440.94069779402</c:v>
                </c:pt>
                <c:pt idx="1250">
                  <c:v>499433.84472139197</c:v>
                </c:pt>
                <c:pt idx="1251">
                  <c:v>499464.65058194601</c:v>
                </c:pt>
                <c:pt idx="1252">
                  <c:v>500026.154118879</c:v>
                </c:pt>
                <c:pt idx="1253">
                  <c:v>500315.72432267998</c:v>
                </c:pt>
                <c:pt idx="1254">
                  <c:v>501407.04399423202</c:v>
                </c:pt>
                <c:pt idx="1255">
                  <c:v>501456.55364477</c:v>
                </c:pt>
                <c:pt idx="1256">
                  <c:v>501529.63794944901</c:v>
                </c:pt>
                <c:pt idx="1257">
                  <c:v>501817.49258591898</c:v>
                </c:pt>
                <c:pt idx="1258">
                  <c:v>501544.51577555703</c:v>
                </c:pt>
                <c:pt idx="1259">
                  <c:v>501428.54727275099</c:v>
                </c:pt>
                <c:pt idx="1260">
                  <c:v>500533.19080259401</c:v>
                </c:pt>
                <c:pt idx="1261">
                  <c:v>501335.46758828597</c:v>
                </c:pt>
                <c:pt idx="1262">
                  <c:v>501318.961806009</c:v>
                </c:pt>
                <c:pt idx="1263">
                  <c:v>501315.59109411301</c:v>
                </c:pt>
                <c:pt idx="1264">
                  <c:v>501054.78055658902</c:v>
                </c:pt>
                <c:pt idx="1265">
                  <c:v>501126.26480352099</c:v>
                </c:pt>
                <c:pt idx="1266">
                  <c:v>501247.93450607598</c:v>
                </c:pt>
                <c:pt idx="1267">
                  <c:v>501683.98431657703</c:v>
                </c:pt>
                <c:pt idx="1268">
                  <c:v>501363.59815926902</c:v>
                </c:pt>
                <c:pt idx="1269">
                  <c:v>503272.51249459898</c:v>
                </c:pt>
                <c:pt idx="1270">
                  <c:v>504575.22393164498</c:v>
                </c:pt>
                <c:pt idx="1271">
                  <c:v>503469.71257342701</c:v>
                </c:pt>
                <c:pt idx="1272">
                  <c:v>503545.125837086</c:v>
                </c:pt>
                <c:pt idx="1273">
                  <c:v>505230.78712965897</c:v>
                </c:pt>
                <c:pt idx="1274">
                  <c:v>505824.127439189</c:v>
                </c:pt>
                <c:pt idx="1275">
                  <c:v>505882.73057476798</c:v>
                </c:pt>
                <c:pt idx="1276">
                  <c:v>505530.17645070801</c:v>
                </c:pt>
                <c:pt idx="1277">
                  <c:v>505853.51629066397</c:v>
                </c:pt>
                <c:pt idx="1278">
                  <c:v>506419.480951412</c:v>
                </c:pt>
                <c:pt idx="1279">
                  <c:v>505628.58018256503</c:v>
                </c:pt>
                <c:pt idx="1280">
                  <c:v>504237.64036136598</c:v>
                </c:pt>
                <c:pt idx="1281">
                  <c:v>504373.48959629901</c:v>
                </c:pt>
                <c:pt idx="1282">
                  <c:v>504548.593276044</c:v>
                </c:pt>
                <c:pt idx="1283">
                  <c:v>504576.56707120902</c:v>
                </c:pt>
                <c:pt idx="1284">
                  <c:v>504662.82546063699</c:v>
                </c:pt>
                <c:pt idx="1285">
                  <c:v>505118.10798600502</c:v>
                </c:pt>
                <c:pt idx="1286">
                  <c:v>505285.60374382301</c:v>
                </c:pt>
                <c:pt idx="1287">
                  <c:v>504914.23388695199</c:v>
                </c:pt>
                <c:pt idx="1288">
                  <c:v>504827.97549752402</c:v>
                </c:pt>
                <c:pt idx="1289">
                  <c:v>505583.86567013798</c:v>
                </c:pt>
                <c:pt idx="1290">
                  <c:v>505733.89637879102</c:v>
                </c:pt>
                <c:pt idx="1291">
                  <c:v>505829.32811520097</c:v>
                </c:pt>
                <c:pt idx="1292">
                  <c:v>506290.79247345001</c:v>
                </c:pt>
                <c:pt idx="1293">
                  <c:v>507279.19682686502</c:v>
                </c:pt>
                <c:pt idx="1294">
                  <c:v>507212.63458707801</c:v>
                </c:pt>
                <c:pt idx="1295">
                  <c:v>507397.31632475002</c:v>
                </c:pt>
                <c:pt idx="1296">
                  <c:v>507229.82056693098</c:v>
                </c:pt>
                <c:pt idx="1297">
                  <c:v>506504.75382720301</c:v>
                </c:pt>
                <c:pt idx="1298">
                  <c:v>506822.30537217401</c:v>
                </c:pt>
                <c:pt idx="1299">
                  <c:v>506919.59712208097</c:v>
                </c:pt>
                <c:pt idx="1300">
                  <c:v>507337.76030171401</c:v>
                </c:pt>
                <c:pt idx="1301">
                  <c:v>507872.83282482403</c:v>
                </c:pt>
                <c:pt idx="1302">
                  <c:v>508751.402413756</c:v>
                </c:pt>
                <c:pt idx="1303">
                  <c:v>509424.32553000801</c:v>
                </c:pt>
                <c:pt idx="1304">
                  <c:v>509583.04124176898</c:v>
                </c:pt>
                <c:pt idx="1305">
                  <c:v>508286.50311850401</c:v>
                </c:pt>
                <c:pt idx="1306">
                  <c:v>509004.83493395097</c:v>
                </c:pt>
                <c:pt idx="1307">
                  <c:v>509008.61022236902</c:v>
                </c:pt>
                <c:pt idx="1308">
                  <c:v>508052.15966448898</c:v>
                </c:pt>
                <c:pt idx="1309">
                  <c:v>508044.98294555699</c:v>
                </c:pt>
                <c:pt idx="1310">
                  <c:v>509150.49430377502</c:v>
                </c:pt>
                <c:pt idx="1311">
                  <c:v>509203.69340524898</c:v>
                </c:pt>
                <c:pt idx="1312">
                  <c:v>512592.49230311601</c:v>
                </c:pt>
                <c:pt idx="1313">
                  <c:v>512603.04470818199</c:v>
                </c:pt>
                <c:pt idx="1314">
                  <c:v>512938.90829884598</c:v>
                </c:pt>
                <c:pt idx="1315">
                  <c:v>512770.52124168799</c:v>
                </c:pt>
                <c:pt idx="1316">
                  <c:v>512579.38160035497</c:v>
                </c:pt>
                <c:pt idx="1317">
                  <c:v>513244.32056050701</c:v>
                </c:pt>
                <c:pt idx="1318">
                  <c:v>512617.375713541</c:v>
                </c:pt>
                <c:pt idx="1319">
                  <c:v>514549.12130636198</c:v>
                </c:pt>
                <c:pt idx="1320">
                  <c:v>514327.370054773</c:v>
                </c:pt>
                <c:pt idx="1321">
                  <c:v>515526.06714462599</c:v>
                </c:pt>
                <c:pt idx="1322">
                  <c:v>515554.91956046701</c:v>
                </c:pt>
                <c:pt idx="1323">
                  <c:v>516009.17350235302</c:v>
                </c:pt>
                <c:pt idx="1324">
                  <c:v>516336.385267729</c:v>
                </c:pt>
                <c:pt idx="1325">
                  <c:v>520559.80935813102</c:v>
                </c:pt>
                <c:pt idx="1326">
                  <c:v>518914.19260070397</c:v>
                </c:pt>
                <c:pt idx="1327">
                  <c:v>518622.15030308702</c:v>
                </c:pt>
                <c:pt idx="1328">
                  <c:v>517517.32699771499</c:v>
                </c:pt>
                <c:pt idx="1329">
                  <c:v>517747.73102663399</c:v>
                </c:pt>
                <c:pt idx="1330">
                  <c:v>517096.94377351901</c:v>
                </c:pt>
                <c:pt idx="1331">
                  <c:v>517267.12514330901</c:v>
                </c:pt>
                <c:pt idx="1332">
                  <c:v>518871.26653984201</c:v>
                </c:pt>
                <c:pt idx="1333">
                  <c:v>519827.71709772199</c:v>
                </c:pt>
                <c:pt idx="1334">
                  <c:v>520497.32737297099</c:v>
                </c:pt>
                <c:pt idx="1335">
                  <c:v>522579.97480611398</c:v>
                </c:pt>
                <c:pt idx="1336">
                  <c:v>522611.54876218998</c:v>
                </c:pt>
                <c:pt idx="1337">
                  <c:v>522827.88416460901</c:v>
                </c:pt>
                <c:pt idx="1338">
                  <c:v>522454.42554707202</c:v>
                </c:pt>
                <c:pt idx="1339">
                  <c:v>522688.84909231099</c:v>
                </c:pt>
                <c:pt idx="1340">
                  <c:v>523266.47083912499</c:v>
                </c:pt>
                <c:pt idx="1341">
                  <c:v>523893.415686091</c:v>
                </c:pt>
                <c:pt idx="1342">
                  <c:v>524534.28816132899</c:v>
                </c:pt>
                <c:pt idx="1343">
                  <c:v>524094.06537394598</c:v>
                </c:pt>
                <c:pt idx="1344">
                  <c:v>521573.27801860298</c:v>
                </c:pt>
                <c:pt idx="1345">
                  <c:v>520972.120648921</c:v>
                </c:pt>
                <c:pt idx="1346">
                  <c:v>520851.37616394</c:v>
                </c:pt>
                <c:pt idx="1347">
                  <c:v>521228.95396866801</c:v>
                </c:pt>
                <c:pt idx="1348">
                  <c:v>521590.27590266202</c:v>
                </c:pt>
                <c:pt idx="1349">
                  <c:v>521520.46892846801</c:v>
                </c:pt>
                <c:pt idx="1350">
                  <c:v>522036.59444381797</c:v>
                </c:pt>
                <c:pt idx="1351">
                  <c:v>522711.50096253498</c:v>
                </c:pt>
                <c:pt idx="1352">
                  <c:v>522800.36701983301</c:v>
                </c:pt>
                <c:pt idx="1353">
                  <c:v>521975.155978241</c:v>
                </c:pt>
                <c:pt idx="1354">
                  <c:v>521501.72213968798</c:v>
                </c:pt>
                <c:pt idx="1355">
                  <c:v>522658.91188696201</c:v>
                </c:pt>
                <c:pt idx="1356">
                  <c:v>520875.39824625402</c:v>
                </c:pt>
                <c:pt idx="1357">
                  <c:v>520259.70890782098</c:v>
                </c:pt>
                <c:pt idx="1358">
                  <c:v>519711.08632027003</c:v>
                </c:pt>
                <c:pt idx="1359">
                  <c:v>520809.233541133</c:v>
                </c:pt>
                <c:pt idx="1360">
                  <c:v>522800.47846811003</c:v>
                </c:pt>
                <c:pt idx="1361">
                  <c:v>522942.37455769</c:v>
                </c:pt>
                <c:pt idx="1362">
                  <c:v>524162.98663333198</c:v>
                </c:pt>
                <c:pt idx="1363">
                  <c:v>523890.72335328301</c:v>
                </c:pt>
                <c:pt idx="1364">
                  <c:v>524849.02914283401</c:v>
                </c:pt>
                <c:pt idx="1365">
                  <c:v>529375.10441912699</c:v>
                </c:pt>
                <c:pt idx="1366">
                  <c:v>529420.60689700698</c:v>
                </c:pt>
                <c:pt idx="1367">
                  <c:v>529121.10766623204</c:v>
                </c:pt>
                <c:pt idx="1368">
                  <c:v>527741.89265666995</c:v>
                </c:pt>
                <c:pt idx="1369">
                  <c:v>527891.87175680697</c:v>
                </c:pt>
                <c:pt idx="1370">
                  <c:v>527984.89098439296</c:v>
                </c:pt>
                <c:pt idx="1371">
                  <c:v>527975.24370415404</c:v>
                </c:pt>
                <c:pt idx="1372">
                  <c:v>528946.55350223405</c:v>
                </c:pt>
                <c:pt idx="1373">
                  <c:v>528467.42069297296</c:v>
                </c:pt>
                <c:pt idx="1374">
                  <c:v>528538.89638326503</c:v>
                </c:pt>
                <c:pt idx="1375">
                  <c:v>529964.88735280395</c:v>
                </c:pt>
                <c:pt idx="1376">
                  <c:v>530194.216409727</c:v>
                </c:pt>
                <c:pt idx="1377">
                  <c:v>530186.34435732395</c:v>
                </c:pt>
                <c:pt idx="1378">
                  <c:v>532651.400840485</c:v>
                </c:pt>
                <c:pt idx="1379">
                  <c:v>533314.89854538406</c:v>
                </c:pt>
                <c:pt idx="1380">
                  <c:v>533690.07575007295</c:v>
                </c:pt>
                <c:pt idx="1381">
                  <c:v>534123.46954074397</c:v>
                </c:pt>
                <c:pt idx="1382">
                  <c:v>535211.76850385498</c:v>
                </c:pt>
                <c:pt idx="1383">
                  <c:v>535548.26618964504</c:v>
                </c:pt>
                <c:pt idx="1384">
                  <c:v>535586.25250705704</c:v>
                </c:pt>
                <c:pt idx="1385">
                  <c:v>535850.23257637303</c:v>
                </c:pt>
                <c:pt idx="1386">
                  <c:v>534261.07252013194</c:v>
                </c:pt>
                <c:pt idx="1387">
                  <c:v>534051.54480027303</c:v>
                </c:pt>
                <c:pt idx="1388">
                  <c:v>534918.68956568302</c:v>
                </c:pt>
                <c:pt idx="1389">
                  <c:v>536353.356716029</c:v>
                </c:pt>
                <c:pt idx="1390">
                  <c:v>536190.712302409</c:v>
                </c:pt>
                <c:pt idx="1391">
                  <c:v>534893.48017309501</c:v>
                </c:pt>
                <c:pt idx="1392">
                  <c:v>532134.88170203404</c:v>
                </c:pt>
                <c:pt idx="1393">
                  <c:v>532896.34204551904</c:v>
                </c:pt>
                <c:pt idx="1394">
                  <c:v>533003.54712015204</c:v>
                </c:pt>
                <c:pt idx="1395">
                  <c:v>532662.41646172199</c:v>
                </c:pt>
                <c:pt idx="1396">
                  <c:v>532679.06132784998</c:v>
                </c:pt>
                <c:pt idx="1397">
                  <c:v>533083.33388878405</c:v>
                </c:pt>
                <c:pt idx="1398">
                  <c:v>531601.72230699903</c:v>
                </c:pt>
                <c:pt idx="1399">
                  <c:v>531621.92913349404</c:v>
                </c:pt>
                <c:pt idx="1400">
                  <c:v>532111.40171234903</c:v>
                </c:pt>
                <c:pt idx="1401">
                  <c:v>532368.04617302201</c:v>
                </c:pt>
                <c:pt idx="1402">
                  <c:v>532674.58086822997</c:v>
                </c:pt>
                <c:pt idx="1403">
                  <c:v>532623.49538516498</c:v>
                </c:pt>
                <c:pt idx="1404">
                  <c:v>532592.16387271101</c:v>
                </c:pt>
                <c:pt idx="1405">
                  <c:v>534519.97641082201</c:v>
                </c:pt>
                <c:pt idx="1406">
                  <c:v>535295.34413890203</c:v>
                </c:pt>
                <c:pt idx="1407">
                  <c:v>536674.50139162701</c:v>
                </c:pt>
                <c:pt idx="1408">
                  <c:v>536654.294565132</c:v>
                </c:pt>
                <c:pt idx="1409">
                  <c:v>537161.92233132501</c:v>
                </c:pt>
                <c:pt idx="1410">
                  <c:v>539112.14091734402</c:v>
                </c:pt>
                <c:pt idx="1411">
                  <c:v>539141.93653276702</c:v>
                </c:pt>
                <c:pt idx="1412">
                  <c:v>540254.63929665799</c:v>
                </c:pt>
                <c:pt idx="1413">
                  <c:v>540933.18166109698</c:v>
                </c:pt>
                <c:pt idx="1414">
                  <c:v>539652.92720948695</c:v>
                </c:pt>
                <c:pt idx="1415">
                  <c:v>539434.37088128703</c:v>
                </c:pt>
                <c:pt idx="1416">
                  <c:v>539881.76242785796</c:v>
                </c:pt>
                <c:pt idx="1417">
                  <c:v>542025.81193338602</c:v>
                </c:pt>
                <c:pt idx="1418">
                  <c:v>542086.57688100694</c:v>
                </c:pt>
                <c:pt idx="1419">
                  <c:v>540829.57725760795</c:v>
                </c:pt>
                <c:pt idx="1420">
                  <c:v>540549.88752180303</c:v>
                </c:pt>
                <c:pt idx="1421">
                  <c:v>540210.86046611995</c:v>
                </c:pt>
                <c:pt idx="1422">
                  <c:v>540446.38858274894</c:v>
                </c:pt>
                <c:pt idx="1423">
                  <c:v>540481.77417147404</c:v>
                </c:pt>
                <c:pt idx="1424">
                  <c:v>540951.309120644</c:v>
                </c:pt>
                <c:pt idx="1425">
                  <c:v>542248.41668129899</c:v>
                </c:pt>
                <c:pt idx="1426">
                  <c:v>542811.752319547</c:v>
                </c:pt>
                <c:pt idx="1427">
                  <c:v>543303.84090536903</c:v>
                </c:pt>
                <c:pt idx="1428">
                  <c:v>543987.05498850497</c:v>
                </c:pt>
                <c:pt idx="1429">
                  <c:v>544434.658275911</c:v>
                </c:pt>
                <c:pt idx="1430">
                  <c:v>544028.95665164897</c:v>
                </c:pt>
                <c:pt idx="1431">
                  <c:v>544006.06872333295</c:v>
                </c:pt>
                <c:pt idx="1432">
                  <c:v>544006.06872333295</c:v>
                </c:pt>
                <c:pt idx="1433">
                  <c:v>544251.48113507999</c:v>
                </c:pt>
                <c:pt idx="1434">
                  <c:v>543975.03548949503</c:v>
                </c:pt>
                <c:pt idx="1435">
                  <c:v>543968.89205527899</c:v>
                </c:pt>
                <c:pt idx="1436">
                  <c:v>544244.66452214099</c:v>
                </c:pt>
                <c:pt idx="1437">
                  <c:v>544157.18065282702</c:v>
                </c:pt>
                <c:pt idx="1438">
                  <c:v>543271.63922206301</c:v>
                </c:pt>
                <c:pt idx="1439">
                  <c:v>544287.36000065098</c:v>
                </c:pt>
                <c:pt idx="1440">
                  <c:v>545989.85654199799</c:v>
                </c:pt>
                <c:pt idx="1441">
                  <c:v>546012.38738425996</c:v>
                </c:pt>
                <c:pt idx="1442">
                  <c:v>546155.94740945101</c:v>
                </c:pt>
                <c:pt idx="1443">
                  <c:v>546274.28013337695</c:v>
                </c:pt>
                <c:pt idx="1444">
                  <c:v>546512.19641670503</c:v>
                </c:pt>
                <c:pt idx="1445">
                  <c:v>547316.23396325996</c:v>
                </c:pt>
                <c:pt idx="1446">
                  <c:v>547422.10134615295</c:v>
                </c:pt>
                <c:pt idx="1447">
                  <c:v>547232.19332952204</c:v>
                </c:pt>
                <c:pt idx="1448">
                  <c:v>547687.46631573897</c:v>
                </c:pt>
                <c:pt idx="1449">
                  <c:v>548188.03128138499</c:v>
                </c:pt>
                <c:pt idx="1450">
                  <c:v>547642.92665972095</c:v>
                </c:pt>
                <c:pt idx="1451">
                  <c:v>547492.94352750701</c:v>
                </c:pt>
                <c:pt idx="1452">
                  <c:v>547491.26948683499</c:v>
                </c:pt>
                <c:pt idx="1453">
                  <c:v>546401.037790754</c:v>
                </c:pt>
                <c:pt idx="1454">
                  <c:v>546095.47923306003</c:v>
                </c:pt>
                <c:pt idx="1455">
                  <c:v>545423.14511408401</c:v>
                </c:pt>
                <c:pt idx="1456">
                  <c:v>545423.14511408401</c:v>
                </c:pt>
                <c:pt idx="1457">
                  <c:v>545423.14511408401</c:v>
                </c:pt>
                <c:pt idx="1458">
                  <c:v>546081.39869841095</c:v>
                </c:pt>
                <c:pt idx="1459">
                  <c:v>546699.897814175</c:v>
                </c:pt>
                <c:pt idx="1460">
                  <c:v>546276.54444004095</c:v>
                </c:pt>
                <c:pt idx="1461">
                  <c:v>546797.33857136499</c:v>
                </c:pt>
                <c:pt idx="1462">
                  <c:v>547023.79366819805</c:v>
                </c:pt>
                <c:pt idx="1463">
                  <c:v>546231.78272577596</c:v>
                </c:pt>
                <c:pt idx="1464">
                  <c:v>546668.42543364002</c:v>
                </c:pt>
                <c:pt idx="1465">
                  <c:v>545813.61052108998</c:v>
                </c:pt>
                <c:pt idx="1466">
                  <c:v>545668.72839366097</c:v>
                </c:pt>
                <c:pt idx="1467">
                  <c:v>545096.44774326705</c:v>
                </c:pt>
                <c:pt idx="1468">
                  <c:v>543206.77423469594</c:v>
                </c:pt>
                <c:pt idx="1469">
                  <c:v>543029.85005130596</c:v>
                </c:pt>
                <c:pt idx="1470">
                  <c:v>543194.178550296</c:v>
                </c:pt>
                <c:pt idx="1471">
                  <c:v>543393.55765339895</c:v>
                </c:pt>
                <c:pt idx="1472">
                  <c:v>543430.75671324797</c:v>
                </c:pt>
                <c:pt idx="1473">
                  <c:v>542423.93114422902</c:v>
                </c:pt>
                <c:pt idx="1474">
                  <c:v>542831.91020410496</c:v>
                </c:pt>
                <c:pt idx="1475">
                  <c:v>543290.98240557802</c:v>
                </c:pt>
                <c:pt idx="1476">
                  <c:v>543947.92329381697</c:v>
                </c:pt>
                <c:pt idx="1477">
                  <c:v>543547.94019512204</c:v>
                </c:pt>
                <c:pt idx="1478">
                  <c:v>545888.49354692304</c:v>
                </c:pt>
                <c:pt idx="1479">
                  <c:v>545362.56362783397</c:v>
                </c:pt>
                <c:pt idx="1480">
                  <c:v>545667.37369471497</c:v>
                </c:pt>
                <c:pt idx="1481">
                  <c:v>546067.35679341003</c:v>
                </c:pt>
                <c:pt idx="1482">
                  <c:v>546026.26047951798</c:v>
                </c:pt>
                <c:pt idx="1483">
                  <c:v>545965.49553189694</c:v>
                </c:pt>
                <c:pt idx="1484">
                  <c:v>546379.012491634</c:v>
                </c:pt>
                <c:pt idx="1485">
                  <c:v>546149.49377675098</c:v>
                </c:pt>
                <c:pt idx="1486">
                  <c:v>546706.27767532202</c:v>
                </c:pt>
                <c:pt idx="1487">
                  <c:v>546531.26822234294</c:v>
                </c:pt>
                <c:pt idx="1488">
                  <c:v>546531.26822234294</c:v>
                </c:pt>
                <c:pt idx="1489">
                  <c:v>546791.75245082099</c:v>
                </c:pt>
                <c:pt idx="1490">
                  <c:v>549057.38659821299</c:v>
                </c:pt>
                <c:pt idx="1491">
                  <c:v>549934.89739430498</c:v>
                </c:pt>
                <c:pt idx="1492">
                  <c:v>549331.82612581004</c:v>
                </c:pt>
                <c:pt idx="1493">
                  <c:v>549966.68408952199</c:v>
                </c:pt>
                <c:pt idx="1494">
                  <c:v>550086.63821417396</c:v>
                </c:pt>
                <c:pt idx="1495">
                  <c:v>551192.93546816998</c:v>
                </c:pt>
                <c:pt idx="1496">
                  <c:v>552282.01626261405</c:v>
                </c:pt>
                <c:pt idx="1497">
                  <c:v>552301.80325904395</c:v>
                </c:pt>
                <c:pt idx="1498">
                  <c:v>553299.23779707798</c:v>
                </c:pt>
                <c:pt idx="1499">
                  <c:v>553202.144086999</c:v>
                </c:pt>
                <c:pt idx="1500">
                  <c:v>553654.92334329197</c:v>
                </c:pt>
                <c:pt idx="1501">
                  <c:v>555380.78514159995</c:v>
                </c:pt>
                <c:pt idx="1502">
                  <c:v>555390.91620964406</c:v>
                </c:pt>
                <c:pt idx="1503">
                  <c:v>555456.01105353702</c:v>
                </c:pt>
                <c:pt idx="1504">
                  <c:v>554647.36963183805</c:v>
                </c:pt>
                <c:pt idx="1505">
                  <c:v>553981.06867562199</c:v>
                </c:pt>
                <c:pt idx="1506">
                  <c:v>553597.08119606995</c:v>
                </c:pt>
                <c:pt idx="1507">
                  <c:v>553586.95012802596</c:v>
                </c:pt>
                <c:pt idx="1508">
                  <c:v>552504.63820619299</c:v>
                </c:pt>
                <c:pt idx="1509">
                  <c:v>551655.001319487</c:v>
                </c:pt>
                <c:pt idx="1510">
                  <c:v>551653.11329349899</c:v>
                </c:pt>
                <c:pt idx="1511">
                  <c:v>552684.42643414403</c:v>
                </c:pt>
                <c:pt idx="1512">
                  <c:v>553090.90224960004</c:v>
                </c:pt>
                <c:pt idx="1513">
                  <c:v>553773.216073622</c:v>
                </c:pt>
                <c:pt idx="1514">
                  <c:v>554378.47058895696</c:v>
                </c:pt>
                <c:pt idx="1515">
                  <c:v>554240.63334558497</c:v>
                </c:pt>
                <c:pt idx="1516">
                  <c:v>554294.21292880597</c:v>
                </c:pt>
                <c:pt idx="1517">
                  <c:v>554487.06625189399</c:v>
                </c:pt>
                <c:pt idx="1518">
                  <c:v>553996.20960593503</c:v>
                </c:pt>
                <c:pt idx="1519">
                  <c:v>553004.61039406899</c:v>
                </c:pt>
                <c:pt idx="1520">
                  <c:v>551733.22756284499</c:v>
                </c:pt>
                <c:pt idx="1521">
                  <c:v>552422.86818885896</c:v>
                </c:pt>
                <c:pt idx="1522">
                  <c:v>552276.82531111198</c:v>
                </c:pt>
                <c:pt idx="1523">
                  <c:v>553015.03185288096</c:v>
                </c:pt>
                <c:pt idx="1524">
                  <c:v>551821.081483874</c:v>
                </c:pt>
                <c:pt idx="1525">
                  <c:v>551901.74982939404</c:v>
                </c:pt>
                <c:pt idx="1526">
                  <c:v>551925.46751314006</c:v>
                </c:pt>
                <c:pt idx="1527">
                  <c:v>552736.90492514195</c:v>
                </c:pt>
                <c:pt idx="1528">
                  <c:v>553636.54341279995</c:v>
                </c:pt>
                <c:pt idx="1529">
                  <c:v>553648.19250026694</c:v>
                </c:pt>
                <c:pt idx="1530">
                  <c:v>553677.41365649598</c:v>
                </c:pt>
                <c:pt idx="1531">
                  <c:v>553624.65887180099</c:v>
                </c:pt>
                <c:pt idx="1532">
                  <c:v>553762.49611517298</c:v>
                </c:pt>
                <c:pt idx="1533">
                  <c:v>553497.51487145701</c:v>
                </c:pt>
                <c:pt idx="1534">
                  <c:v>554343.98044434702</c:v>
                </c:pt>
                <c:pt idx="1535">
                  <c:v>554734.221866315</c:v>
                </c:pt>
                <c:pt idx="1536">
                  <c:v>554029.25390997704</c:v>
                </c:pt>
                <c:pt idx="1537">
                  <c:v>554305.67929445999</c:v>
                </c:pt>
                <c:pt idx="1538">
                  <c:v>553824.81981566094</c:v>
                </c:pt>
                <c:pt idx="1539">
                  <c:v>554218.28530056402</c:v>
                </c:pt>
                <c:pt idx="1540">
                  <c:v>553201.22135521099</c:v>
                </c:pt>
                <c:pt idx="1541">
                  <c:v>554399.58425116399</c:v>
                </c:pt>
                <c:pt idx="1542">
                  <c:v>554387.935163697</c:v>
                </c:pt>
                <c:pt idx="1543">
                  <c:v>554574.841597936</c:v>
                </c:pt>
                <c:pt idx="1544">
                  <c:v>554013.15365318896</c:v>
                </c:pt>
                <c:pt idx="1545">
                  <c:v>554186.59688971005</c:v>
                </c:pt>
                <c:pt idx="1546">
                  <c:v>553294.69713765499</c:v>
                </c:pt>
                <c:pt idx="1547">
                  <c:v>552900.85587749898</c:v>
                </c:pt>
                <c:pt idx="1548">
                  <c:v>552832.54371997796</c:v>
                </c:pt>
                <c:pt idx="1549">
                  <c:v>553537.51167631603</c:v>
                </c:pt>
                <c:pt idx="1550">
                  <c:v>553462.09638522798</c:v>
                </c:pt>
                <c:pt idx="1551">
                  <c:v>553032.97255393304</c:v>
                </c:pt>
                <c:pt idx="1552">
                  <c:v>553873.39974242798</c:v>
                </c:pt>
                <c:pt idx="1553">
                  <c:v>554479.24760245904</c:v>
                </c:pt>
                <c:pt idx="1554">
                  <c:v>555533.87545524805</c:v>
                </c:pt>
                <c:pt idx="1555">
                  <c:v>555617.04370348004</c:v>
                </c:pt>
                <c:pt idx="1556">
                  <c:v>555758.77179076395</c:v>
                </c:pt>
                <c:pt idx="1557">
                  <c:v>555921.89041439199</c:v>
                </c:pt>
                <c:pt idx="1558">
                  <c:v>555997.30570548098</c:v>
                </c:pt>
                <c:pt idx="1559">
                  <c:v>556346.03198443702</c:v>
                </c:pt>
                <c:pt idx="1560">
                  <c:v>556370.02529500599</c:v>
                </c:pt>
                <c:pt idx="1561">
                  <c:v>555311.76352520694</c:v>
                </c:pt>
                <c:pt idx="1562">
                  <c:v>554772.69858135097</c:v>
                </c:pt>
                <c:pt idx="1563">
                  <c:v>552359.65714683803</c:v>
                </c:pt>
                <c:pt idx="1564">
                  <c:v>552602.13398488297</c:v>
                </c:pt>
                <c:pt idx="1565">
                  <c:v>550997.74432367703</c:v>
                </c:pt>
                <c:pt idx="1566">
                  <c:v>550691.34260489501</c:v>
                </c:pt>
                <c:pt idx="1567">
                  <c:v>550703.11380108004</c:v>
                </c:pt>
                <c:pt idx="1568">
                  <c:v>550419.26380031195</c:v>
                </c:pt>
                <c:pt idx="1569">
                  <c:v>549900.12552342296</c:v>
                </c:pt>
                <c:pt idx="1570">
                  <c:v>549044.28311554203</c:v>
                </c:pt>
                <c:pt idx="1571">
                  <c:v>549179.68028684403</c:v>
                </c:pt>
                <c:pt idx="1572">
                  <c:v>548624.58362528798</c:v>
                </c:pt>
                <c:pt idx="1573">
                  <c:v>548716.000181849</c:v>
                </c:pt>
                <c:pt idx="1574">
                  <c:v>548584.58269596996</c:v>
                </c:pt>
                <c:pt idx="1575">
                  <c:v>546217.67755319702</c:v>
                </c:pt>
                <c:pt idx="1576">
                  <c:v>546304.91793877794</c:v>
                </c:pt>
                <c:pt idx="1577">
                  <c:v>545288.53252782905</c:v>
                </c:pt>
                <c:pt idx="1578">
                  <c:v>547049.34550064604</c:v>
                </c:pt>
                <c:pt idx="1579">
                  <c:v>546749.33021860104</c:v>
                </c:pt>
                <c:pt idx="1580">
                  <c:v>546703.919259366</c:v>
                </c:pt>
                <c:pt idx="1581">
                  <c:v>546749.91611452599</c:v>
                </c:pt>
                <c:pt idx="1582">
                  <c:v>545688.90837445494</c:v>
                </c:pt>
                <c:pt idx="1583">
                  <c:v>545987.76548891503</c:v>
                </c:pt>
                <c:pt idx="1584">
                  <c:v>544873.23481348995</c:v>
                </c:pt>
                <c:pt idx="1585">
                  <c:v>543482.97785026603</c:v>
                </c:pt>
                <c:pt idx="1586">
                  <c:v>544082.72552200197</c:v>
                </c:pt>
                <c:pt idx="1587">
                  <c:v>542793.05964027299</c:v>
                </c:pt>
                <c:pt idx="1588">
                  <c:v>543517.77444479801</c:v>
                </c:pt>
                <c:pt idx="1589">
                  <c:v>543464.20548453799</c:v>
                </c:pt>
                <c:pt idx="1590">
                  <c:v>543705.47989204002</c:v>
                </c:pt>
                <c:pt idx="1591">
                  <c:v>542972.54548499803</c:v>
                </c:pt>
                <c:pt idx="1592">
                  <c:v>544048.208100972</c:v>
                </c:pt>
                <c:pt idx="1593">
                  <c:v>545208.00201254396</c:v>
                </c:pt>
                <c:pt idx="1594">
                  <c:v>545650.522618316</c:v>
                </c:pt>
                <c:pt idx="1595">
                  <c:v>547142.57221354498</c:v>
                </c:pt>
                <c:pt idx="1596">
                  <c:v>547425.10609904397</c:v>
                </c:pt>
                <c:pt idx="1597">
                  <c:v>547422.13748156</c:v>
                </c:pt>
                <c:pt idx="1598">
                  <c:v>548741.72191525996</c:v>
                </c:pt>
                <c:pt idx="1599">
                  <c:v>549015.99355793395</c:v>
                </c:pt>
                <c:pt idx="1600">
                  <c:v>549232.14194657898</c:v>
                </c:pt>
                <c:pt idx="1601">
                  <c:v>549142.34045289899</c:v>
                </c:pt>
                <c:pt idx="1602">
                  <c:v>546710.94702937105</c:v>
                </c:pt>
                <c:pt idx="1603">
                  <c:v>546593.10624097497</c:v>
                </c:pt>
                <c:pt idx="1604">
                  <c:v>547688.52028487099</c:v>
                </c:pt>
                <c:pt idx="1605">
                  <c:v>547420.659914091</c:v>
                </c:pt>
                <c:pt idx="1606">
                  <c:v>547214.51523922698</c:v>
                </c:pt>
                <c:pt idx="1607">
                  <c:v>546888.46455285</c:v>
                </c:pt>
                <c:pt idx="1608">
                  <c:v>547360.58678054099</c:v>
                </c:pt>
                <c:pt idx="1609">
                  <c:v>546971.64498049405</c:v>
                </c:pt>
                <c:pt idx="1610">
                  <c:v>545584.100348401</c:v>
                </c:pt>
                <c:pt idx="1611">
                  <c:v>545642.65316750295</c:v>
                </c:pt>
                <c:pt idx="1612">
                  <c:v>545853.73560348805</c:v>
                </c:pt>
                <c:pt idx="1613">
                  <c:v>545861.73940090195</c:v>
                </c:pt>
                <c:pt idx="1614">
                  <c:v>544961.40173048503</c:v>
                </c:pt>
                <c:pt idx="1615">
                  <c:v>545133.68048385903</c:v>
                </c:pt>
                <c:pt idx="1616">
                  <c:v>544646.209818025</c:v>
                </c:pt>
                <c:pt idx="1617">
                  <c:v>544729.15848513204</c:v>
                </c:pt>
                <c:pt idx="1618">
                  <c:v>545566.94844772702</c:v>
                </c:pt>
                <c:pt idx="1619">
                  <c:v>545727.19179477799</c:v>
                </c:pt>
                <c:pt idx="1620">
                  <c:v>546627.52946519398</c:v>
                </c:pt>
                <c:pt idx="1621">
                  <c:v>547281.73986253305</c:v>
                </c:pt>
                <c:pt idx="1622">
                  <c:v>547387.83955238701</c:v>
                </c:pt>
                <c:pt idx="1623">
                  <c:v>547107.09888901794</c:v>
                </c:pt>
                <c:pt idx="1624">
                  <c:v>546540.82373927499</c:v>
                </c:pt>
                <c:pt idx="1625">
                  <c:v>546173.03411988798</c:v>
                </c:pt>
                <c:pt idx="1626">
                  <c:v>546520.95389373903</c:v>
                </c:pt>
                <c:pt idx="1627">
                  <c:v>546522.84191972704</c:v>
                </c:pt>
                <c:pt idx="1628">
                  <c:v>545453.43718469096</c:v>
                </c:pt>
                <c:pt idx="1629">
                  <c:v>544866.08390225598</c:v>
                </c:pt>
                <c:pt idx="1630">
                  <c:v>543788.06121899199</c:v>
                </c:pt>
                <c:pt idx="1631">
                  <c:v>542503.09161984199</c:v>
                </c:pt>
                <c:pt idx="1632">
                  <c:v>542638.55265683902</c:v>
                </c:pt>
                <c:pt idx="1633">
                  <c:v>542331.52191522403</c:v>
                </c:pt>
                <c:pt idx="1634">
                  <c:v>542158.28053559898</c:v>
                </c:pt>
                <c:pt idx="1635">
                  <c:v>541571.20166667004</c:v>
                </c:pt>
                <c:pt idx="1636">
                  <c:v>541858.49201947195</c:v>
                </c:pt>
                <c:pt idx="1637">
                  <c:v>541320.96683269402</c:v>
                </c:pt>
                <c:pt idx="1638">
                  <c:v>540928.20596779895</c:v>
                </c:pt>
                <c:pt idx="1639">
                  <c:v>540233.17908967601</c:v>
                </c:pt>
                <c:pt idx="1640">
                  <c:v>540215.16672800796</c:v>
                </c:pt>
                <c:pt idx="1641">
                  <c:v>539988.59546782204</c:v>
                </c:pt>
                <c:pt idx="1642">
                  <c:v>539174.70540840097</c:v>
                </c:pt>
                <c:pt idx="1643">
                  <c:v>539045.04499843204</c:v>
                </c:pt>
                <c:pt idx="1644">
                  <c:v>538993.37333890505</c:v>
                </c:pt>
                <c:pt idx="1645">
                  <c:v>539028.00152460497</c:v>
                </c:pt>
                <c:pt idx="1646">
                  <c:v>540439.28756408999</c:v>
                </c:pt>
                <c:pt idx="1647">
                  <c:v>540348.11027101299</c:v>
                </c:pt>
                <c:pt idx="1648">
                  <c:v>540219.82870309195</c:v>
                </c:pt>
                <c:pt idx="1649">
                  <c:v>539532.113300464</c:v>
                </c:pt>
                <c:pt idx="1650">
                  <c:v>539510.15836167405</c:v>
                </c:pt>
                <c:pt idx="1651">
                  <c:v>539955.08394389495</c:v>
                </c:pt>
                <c:pt idx="1652">
                  <c:v>540581.62552190805</c:v>
                </c:pt>
                <c:pt idx="1653">
                  <c:v>539635.88988238701</c:v>
                </c:pt>
                <c:pt idx="1654">
                  <c:v>539919.15304620506</c:v>
                </c:pt>
                <c:pt idx="1655">
                  <c:v>540227.54346170998</c:v>
                </c:pt>
                <c:pt idx="1656">
                  <c:v>540411.82270307804</c:v>
                </c:pt>
                <c:pt idx="1657">
                  <c:v>540638.855776062</c:v>
                </c:pt>
                <c:pt idx="1658">
                  <c:v>540042.00010460499</c:v>
                </c:pt>
                <c:pt idx="1659">
                  <c:v>541442.24800329003</c:v>
                </c:pt>
                <c:pt idx="1660">
                  <c:v>540239.95403072506</c:v>
                </c:pt>
                <c:pt idx="1661">
                  <c:v>540331.34176494298</c:v>
                </c:pt>
                <c:pt idx="1662">
                  <c:v>539975.41414639505</c:v>
                </c:pt>
                <c:pt idx="1663">
                  <c:v>540124.18597932998</c:v>
                </c:pt>
                <c:pt idx="1664">
                  <c:v>539586.11809367198</c:v>
                </c:pt>
                <c:pt idx="1665">
                  <c:v>539890.40223606303</c:v>
                </c:pt>
                <c:pt idx="1666">
                  <c:v>539247.88413061097</c:v>
                </c:pt>
                <c:pt idx="1667">
                  <c:v>539068.64993105305</c:v>
                </c:pt>
                <c:pt idx="1668">
                  <c:v>539125.26704372105</c:v>
                </c:pt>
                <c:pt idx="1669">
                  <c:v>538987.23477563704</c:v>
                </c:pt>
                <c:pt idx="1670">
                  <c:v>538939.25501567603</c:v>
                </c:pt>
                <c:pt idx="1671">
                  <c:v>540344.82538122102</c:v>
                </c:pt>
                <c:pt idx="1672">
                  <c:v>541109.11791519704</c:v>
                </c:pt>
                <c:pt idx="1673">
                  <c:v>541520.87454558897</c:v>
                </c:pt>
                <c:pt idx="1674">
                  <c:v>541480.88304131001</c:v>
                </c:pt>
                <c:pt idx="1675">
                  <c:v>543242.44835516496</c:v>
                </c:pt>
                <c:pt idx="1676">
                  <c:v>543884.96646061703</c:v>
                </c:pt>
                <c:pt idx="1677">
                  <c:v>544102.091400487</c:v>
                </c:pt>
                <c:pt idx="1678">
                  <c:v>545181.02596081304</c:v>
                </c:pt>
                <c:pt idx="1679">
                  <c:v>545117.91384426004</c:v>
                </c:pt>
                <c:pt idx="1680">
                  <c:v>545287.22662764997</c:v>
                </c:pt>
                <c:pt idx="1681">
                  <c:v>545219.37216999603</c:v>
                </c:pt>
                <c:pt idx="1682">
                  <c:v>545735.62630888505</c:v>
                </c:pt>
                <c:pt idx="1683">
                  <c:v>545713.07530479401</c:v>
                </c:pt>
                <c:pt idx="1684">
                  <c:v>545913.49112564197</c:v>
                </c:pt>
                <c:pt idx="1685">
                  <c:v>544882.16084680904</c:v>
                </c:pt>
                <c:pt idx="1686">
                  <c:v>544740.20598208695</c:v>
                </c:pt>
                <c:pt idx="1687">
                  <c:v>543773.91884964798</c:v>
                </c:pt>
                <c:pt idx="1688">
                  <c:v>542081.87294143799</c:v>
                </c:pt>
                <c:pt idx="1689">
                  <c:v>542532.51884076803</c:v>
                </c:pt>
                <c:pt idx="1690">
                  <c:v>541382.34853147296</c:v>
                </c:pt>
                <c:pt idx="1691">
                  <c:v>542366.350932064</c:v>
                </c:pt>
                <c:pt idx="1692">
                  <c:v>542648.06983934098</c:v>
                </c:pt>
                <c:pt idx="1693">
                  <c:v>541763.11841818795</c:v>
                </c:pt>
                <c:pt idx="1694">
                  <c:v>542420.05222043104</c:v>
                </c:pt>
                <c:pt idx="1695">
                  <c:v>542757.82891628204</c:v>
                </c:pt>
                <c:pt idx="1696">
                  <c:v>542536.474687526</c:v>
                </c:pt>
                <c:pt idx="1697">
                  <c:v>542083.97041362501</c:v>
                </c:pt>
                <c:pt idx="1698">
                  <c:v>542845.64003283496</c:v>
                </c:pt>
                <c:pt idx="1699">
                  <c:v>543771.04920616699</c:v>
                </c:pt>
                <c:pt idx="1700">
                  <c:v>544539.29691975296</c:v>
                </c:pt>
                <c:pt idx="1701">
                  <c:v>545136.15259120998</c:v>
                </c:pt>
                <c:pt idx="1702">
                  <c:v>546776.039138422</c:v>
                </c:pt>
                <c:pt idx="1703">
                  <c:v>545991.68106255599</c:v>
                </c:pt>
                <c:pt idx="1704">
                  <c:v>545470.056246288</c:v>
                </c:pt>
                <c:pt idx="1705">
                  <c:v>545615.64446906303</c:v>
                </c:pt>
                <c:pt idx="1706">
                  <c:v>543360.23001581605</c:v>
                </c:pt>
                <c:pt idx="1707">
                  <c:v>544165.71142733598</c:v>
                </c:pt>
                <c:pt idx="1708">
                  <c:v>543339.03332364501</c:v>
                </c:pt>
                <c:pt idx="1709">
                  <c:v>543299.05132883403</c:v>
                </c:pt>
                <c:pt idx="1710">
                  <c:v>543981.73511720495</c:v>
                </c:pt>
                <c:pt idx="1711">
                  <c:v>544587.64253800001</c:v>
                </c:pt>
                <c:pt idx="1712">
                  <c:v>547190.12118014903</c:v>
                </c:pt>
                <c:pt idx="1713">
                  <c:v>547950.11302618205</c:v>
                </c:pt>
                <c:pt idx="1714">
                  <c:v>548225.67429093295</c:v>
                </c:pt>
                <c:pt idx="1715">
                  <c:v>549610.12127361202</c:v>
                </c:pt>
                <c:pt idx="1716">
                  <c:v>551614.09578601504</c:v>
                </c:pt>
                <c:pt idx="1717">
                  <c:v>552360.30608315801</c:v>
                </c:pt>
                <c:pt idx="1718">
                  <c:v>551893.13520612405</c:v>
                </c:pt>
                <c:pt idx="1719">
                  <c:v>550541.72961181495</c:v>
                </c:pt>
                <c:pt idx="1720">
                  <c:v>550553.01630808797</c:v>
                </c:pt>
                <c:pt idx="1721">
                  <c:v>550459.25904469995</c:v>
                </c:pt>
                <c:pt idx="1722">
                  <c:v>550140.31948970701</c:v>
                </c:pt>
                <c:pt idx="1723">
                  <c:v>550060.86918780406</c:v>
                </c:pt>
                <c:pt idx="1724">
                  <c:v>550523.31461421505</c:v>
                </c:pt>
                <c:pt idx="1725">
                  <c:v>550712.21688229905</c:v>
                </c:pt>
                <c:pt idx="1726">
                  <c:v>550157.69186993898</c:v>
                </c:pt>
                <c:pt idx="1727">
                  <c:v>549297.62194150803</c:v>
                </c:pt>
                <c:pt idx="1728">
                  <c:v>550569.17688174697</c:v>
                </c:pt>
                <c:pt idx="1729">
                  <c:v>550999.10060438002</c:v>
                </c:pt>
                <c:pt idx="1730">
                  <c:v>550420.44148585002</c:v>
                </c:pt>
                <c:pt idx="1731">
                  <c:v>550349.76965481602</c:v>
                </c:pt>
                <c:pt idx="1732">
                  <c:v>550147.98306006403</c:v>
                </c:pt>
                <c:pt idx="1733">
                  <c:v>549853.64258148801</c:v>
                </c:pt>
                <c:pt idx="1734">
                  <c:v>549819.42594627</c:v>
                </c:pt>
                <c:pt idx="1735">
                  <c:v>549872.84050931502</c:v>
                </c:pt>
                <c:pt idx="1736">
                  <c:v>549844.31472701801</c:v>
                </c:pt>
                <c:pt idx="1737">
                  <c:v>549768.52699488204</c:v>
                </c:pt>
                <c:pt idx="1738">
                  <c:v>548413.97316649102</c:v>
                </c:pt>
                <c:pt idx="1739">
                  <c:v>548066.05339263997</c:v>
                </c:pt>
                <c:pt idx="1740">
                  <c:v>547501.74563123297</c:v>
                </c:pt>
                <c:pt idx="1741">
                  <c:v>547270.34693459899</c:v>
                </c:pt>
                <c:pt idx="1742">
                  <c:v>548335.93506330601</c:v>
                </c:pt>
                <c:pt idx="1743">
                  <c:v>549029.302892901</c:v>
                </c:pt>
                <c:pt idx="1744">
                  <c:v>548554.39815024904</c:v>
                </c:pt>
                <c:pt idx="1745">
                  <c:v>548498.10574945295</c:v>
                </c:pt>
                <c:pt idx="1746">
                  <c:v>548938.52665742906</c:v>
                </c:pt>
                <c:pt idx="1747">
                  <c:v>548769.56475206395</c:v>
                </c:pt>
                <c:pt idx="1748">
                  <c:v>548357.23512259405</c:v>
                </c:pt>
                <c:pt idx="1749">
                  <c:v>548372.67424869805</c:v>
                </c:pt>
                <c:pt idx="1750">
                  <c:v>548541.64784619201</c:v>
                </c:pt>
                <c:pt idx="1751">
                  <c:v>548662.72526650201</c:v>
                </c:pt>
                <c:pt idx="1752">
                  <c:v>550794.94872548396</c:v>
                </c:pt>
                <c:pt idx="1753">
                  <c:v>550170.19697159703</c:v>
                </c:pt>
                <c:pt idx="1754">
                  <c:v>550807.98381647305</c:v>
                </c:pt>
                <c:pt idx="1755">
                  <c:v>550668.80494851002</c:v>
                </c:pt>
                <c:pt idx="1756">
                  <c:v>551281.70010639203</c:v>
                </c:pt>
                <c:pt idx="1757">
                  <c:v>550418.81201546802</c:v>
                </c:pt>
                <c:pt idx="1758">
                  <c:v>551128.35618731601</c:v>
                </c:pt>
                <c:pt idx="1759">
                  <c:v>550467.85754834302</c:v>
                </c:pt>
                <c:pt idx="1760">
                  <c:v>551063.64285928104</c:v>
                </c:pt>
                <c:pt idx="1761">
                  <c:v>550181.99740673602</c:v>
                </c:pt>
                <c:pt idx="1762">
                  <c:v>550575.79345651902</c:v>
                </c:pt>
                <c:pt idx="1763">
                  <c:v>551185.90271345596</c:v>
                </c:pt>
                <c:pt idx="1764">
                  <c:v>551087.41834571795</c:v>
                </c:pt>
                <c:pt idx="1765">
                  <c:v>551123.554968643</c:v>
                </c:pt>
                <c:pt idx="1766">
                  <c:v>551596.39952037705</c:v>
                </c:pt>
                <c:pt idx="1767">
                  <c:v>551385.31708439195</c:v>
                </c:pt>
                <c:pt idx="1768">
                  <c:v>551746.19346803299</c:v>
                </c:pt>
                <c:pt idx="1769">
                  <c:v>551958.27232485102</c:v>
                </c:pt>
                <c:pt idx="1770">
                  <c:v>553177.31864616601</c:v>
                </c:pt>
                <c:pt idx="1771">
                  <c:v>553628.20603417896</c:v>
                </c:pt>
                <c:pt idx="1772">
                  <c:v>553418.35138290399</c:v>
                </c:pt>
                <c:pt idx="1773">
                  <c:v>553343.08113734901</c:v>
                </c:pt>
                <c:pt idx="1774">
                  <c:v>553077.15078115999</c:v>
                </c:pt>
                <c:pt idx="1775">
                  <c:v>553310.47890557302</c:v>
                </c:pt>
                <c:pt idx="1776">
                  <c:v>553293.54812150099</c:v>
                </c:pt>
                <c:pt idx="1777">
                  <c:v>553442.59871035104</c:v>
                </c:pt>
                <c:pt idx="1778">
                  <c:v>554496.16897701297</c:v>
                </c:pt>
                <c:pt idx="1779">
                  <c:v>555087.29104801198</c:v>
                </c:pt>
                <c:pt idx="1780">
                  <c:v>556584.86771447898</c:v>
                </c:pt>
                <c:pt idx="1781">
                  <c:v>556400.12915542198</c:v>
                </c:pt>
                <c:pt idx="1782">
                  <c:v>556273.53227069904</c:v>
                </c:pt>
                <c:pt idx="1783">
                  <c:v>556409.03305673297</c:v>
                </c:pt>
                <c:pt idx="1784">
                  <c:v>559033.99005287199</c:v>
                </c:pt>
                <c:pt idx="1785">
                  <c:v>559017.39124477503</c:v>
                </c:pt>
                <c:pt idx="1786">
                  <c:v>558087.724066047</c:v>
                </c:pt>
                <c:pt idx="1787">
                  <c:v>557757.50020483194</c:v>
                </c:pt>
                <c:pt idx="1788">
                  <c:v>557620.15736157401</c:v>
                </c:pt>
                <c:pt idx="1789">
                  <c:v>558586.14871740097</c:v>
                </c:pt>
                <c:pt idx="1790">
                  <c:v>557906.13927596703</c:v>
                </c:pt>
                <c:pt idx="1791">
                  <c:v>558031.08531312703</c:v>
                </c:pt>
                <c:pt idx="1792">
                  <c:v>557027.38050302397</c:v>
                </c:pt>
                <c:pt idx="1793">
                  <c:v>557757.353908216</c:v>
                </c:pt>
                <c:pt idx="1794">
                  <c:v>557917.85578047601</c:v>
                </c:pt>
                <c:pt idx="1795">
                  <c:v>558068.52200171305</c:v>
                </c:pt>
                <c:pt idx="1796">
                  <c:v>558050.51851991098</c:v>
                </c:pt>
                <c:pt idx="1797">
                  <c:v>558782.75518643903</c:v>
                </c:pt>
                <c:pt idx="1798">
                  <c:v>558951.71709180402</c:v>
                </c:pt>
                <c:pt idx="1799">
                  <c:v>559075.68648123601</c:v>
                </c:pt>
                <c:pt idx="1800">
                  <c:v>558650.69279282796</c:v>
                </c:pt>
                <c:pt idx="1801">
                  <c:v>558074.15106046398</c:v>
                </c:pt>
                <c:pt idx="1802">
                  <c:v>558482.291083702</c:v>
                </c:pt>
                <c:pt idx="1803">
                  <c:v>558664.29262125003</c:v>
                </c:pt>
                <c:pt idx="1804">
                  <c:v>559384.69376550603</c:v>
                </c:pt>
                <c:pt idx="1805">
                  <c:v>557064.36885524995</c:v>
                </c:pt>
                <c:pt idx="1806">
                  <c:v>556731.07640639902</c:v>
                </c:pt>
                <c:pt idx="1807">
                  <c:v>556713.08979499899</c:v>
                </c:pt>
                <c:pt idx="1808">
                  <c:v>556992.00306236395</c:v>
                </c:pt>
                <c:pt idx="1809">
                  <c:v>557008.60187046102</c:v>
                </c:pt>
                <c:pt idx="1810">
                  <c:v>557507.93348700297</c:v>
                </c:pt>
                <c:pt idx="1811">
                  <c:v>557669.61217687302</c:v>
                </c:pt>
                <c:pt idx="1812">
                  <c:v>558273.45967749495</c:v>
                </c:pt>
                <c:pt idx="1813">
                  <c:v>557955.21672756295</c:v>
                </c:pt>
                <c:pt idx="1814">
                  <c:v>558171.52384482406</c:v>
                </c:pt>
                <c:pt idx="1815">
                  <c:v>558489.76679475605</c:v>
                </c:pt>
                <c:pt idx="1816">
                  <c:v>560283.84122744005</c:v>
                </c:pt>
                <c:pt idx="1817">
                  <c:v>560389.82641114097</c:v>
                </c:pt>
                <c:pt idx="1818">
                  <c:v>560565.19148733199</c:v>
                </c:pt>
                <c:pt idx="1819">
                  <c:v>560970.97642230103</c:v>
                </c:pt>
                <c:pt idx="1820">
                  <c:v>561583.03375479998</c:v>
                </c:pt>
                <c:pt idx="1821">
                  <c:v>561407.55151992699</c:v>
                </c:pt>
                <c:pt idx="1822">
                  <c:v>562753.73725408304</c:v>
                </c:pt>
                <c:pt idx="1823">
                  <c:v>562334.82373929303</c:v>
                </c:pt>
                <c:pt idx="1824">
                  <c:v>561341.587843552</c:v>
                </c:pt>
                <c:pt idx="1825">
                  <c:v>560838.59054941405</c:v>
                </c:pt>
                <c:pt idx="1826">
                  <c:v>560918.05412595195</c:v>
                </c:pt>
                <c:pt idx="1827">
                  <c:v>561586.95165097597</c:v>
                </c:pt>
                <c:pt idx="1828">
                  <c:v>561543.92043298704</c:v>
                </c:pt>
                <c:pt idx="1829">
                  <c:v>561136.17012416106</c:v>
                </c:pt>
                <c:pt idx="1830">
                  <c:v>561475.65413325897</c:v>
                </c:pt>
                <c:pt idx="1831">
                  <c:v>561488.76420868305</c:v>
                </c:pt>
                <c:pt idx="1832">
                  <c:v>561186.60731063702</c:v>
                </c:pt>
                <c:pt idx="1833">
                  <c:v>563383.57804266096</c:v>
                </c:pt>
                <c:pt idx="1834">
                  <c:v>564662.85124002094</c:v>
                </c:pt>
                <c:pt idx="1835">
                  <c:v>564425.41915161302</c:v>
                </c:pt>
                <c:pt idx="1836">
                  <c:v>564827.04009072401</c:v>
                </c:pt>
                <c:pt idx="1837">
                  <c:v>565774.43353333301</c:v>
                </c:pt>
                <c:pt idx="1838">
                  <c:v>564989.99110083899</c:v>
                </c:pt>
                <c:pt idx="1839">
                  <c:v>564654.08570167702</c:v>
                </c:pt>
                <c:pt idx="1840">
                  <c:v>565568.32365612895</c:v>
                </c:pt>
                <c:pt idx="1841">
                  <c:v>566631.723439086</c:v>
                </c:pt>
                <c:pt idx="1842">
                  <c:v>567046.73035935196</c:v>
                </c:pt>
                <c:pt idx="1843">
                  <c:v>568123.23202029394</c:v>
                </c:pt>
                <c:pt idx="1844">
                  <c:v>567409.28413941304</c:v>
                </c:pt>
                <c:pt idx="1845">
                  <c:v>567231.89805447101</c:v>
                </c:pt>
                <c:pt idx="1846">
                  <c:v>567949.21733367699</c:v>
                </c:pt>
                <c:pt idx="1847">
                  <c:v>568483.40492576896</c:v>
                </c:pt>
                <c:pt idx="1848">
                  <c:v>570009.25429533306</c:v>
                </c:pt>
                <c:pt idx="1849">
                  <c:v>570270.67152205098</c:v>
                </c:pt>
                <c:pt idx="1850">
                  <c:v>570495.45274147997</c:v>
                </c:pt>
                <c:pt idx="1851">
                  <c:v>570100.83777330199</c:v>
                </c:pt>
                <c:pt idx="1852">
                  <c:v>569881.40797602304</c:v>
                </c:pt>
                <c:pt idx="1853">
                  <c:v>569209.487698243</c:v>
                </c:pt>
                <c:pt idx="1854">
                  <c:v>569159.83302066405</c:v>
                </c:pt>
                <c:pt idx="1855">
                  <c:v>569339.67169213796</c:v>
                </c:pt>
                <c:pt idx="1856">
                  <c:v>569338.69901488302</c:v>
                </c:pt>
                <c:pt idx="1857">
                  <c:v>569225.86817884701</c:v>
                </c:pt>
                <c:pt idx="1858">
                  <c:v>569226.84085610101</c:v>
                </c:pt>
                <c:pt idx="1859">
                  <c:v>567896.65579080803</c:v>
                </c:pt>
                <c:pt idx="1860">
                  <c:v>568777.62350023305</c:v>
                </c:pt>
                <c:pt idx="1861">
                  <c:v>568730.78847528098</c:v>
                </c:pt>
                <c:pt idx="1862">
                  <c:v>568349.97931281896</c:v>
                </c:pt>
                <c:pt idx="1863">
                  <c:v>568570.56405867997</c:v>
                </c:pt>
                <c:pt idx="1864">
                  <c:v>568572.18233941798</c:v>
                </c:pt>
                <c:pt idx="1865">
                  <c:v>568574.84622282698</c:v>
                </c:pt>
                <c:pt idx="1866">
                  <c:v>569157.04464660201</c:v>
                </c:pt>
                <c:pt idx="1867">
                  <c:v>568358.77493786905</c:v>
                </c:pt>
                <c:pt idx="1868">
                  <c:v>568113.95173013397</c:v>
                </c:pt>
                <c:pt idx="1869">
                  <c:v>568585.64090132201</c:v>
                </c:pt>
                <c:pt idx="1870">
                  <c:v>568111.40408171597</c:v>
                </c:pt>
                <c:pt idx="1871">
                  <c:v>568249.40036610304</c:v>
                </c:pt>
                <c:pt idx="1872">
                  <c:v>567403.15994039294</c:v>
                </c:pt>
                <c:pt idx="1873">
                  <c:v>568202.29012621695</c:v>
                </c:pt>
                <c:pt idx="1874">
                  <c:v>568483.65213422896</c:v>
                </c:pt>
                <c:pt idx="1875">
                  <c:v>569042.38661444397</c:v>
                </c:pt>
                <c:pt idx="1876">
                  <c:v>569845.69257118599</c:v>
                </c:pt>
                <c:pt idx="1877">
                  <c:v>569497.85582981806</c:v>
                </c:pt>
                <c:pt idx="1878">
                  <c:v>570041.74728688598</c:v>
                </c:pt>
                <c:pt idx="1879">
                  <c:v>568840.19820150197</c:v>
                </c:pt>
                <c:pt idx="1880">
                  <c:v>567748.73181754595</c:v>
                </c:pt>
                <c:pt idx="1881">
                  <c:v>567770.97489809198</c:v>
                </c:pt>
                <c:pt idx="1882">
                  <c:v>567179.85282709403</c:v>
                </c:pt>
                <c:pt idx="1883">
                  <c:v>567633.64506586001</c:v>
                </c:pt>
                <c:pt idx="1884">
                  <c:v>567643.44428560603</c:v>
                </c:pt>
                <c:pt idx="1885">
                  <c:v>568427.88671810005</c:v>
                </c:pt>
                <c:pt idx="1886">
                  <c:v>567545.71345653106</c:v>
                </c:pt>
                <c:pt idx="1887">
                  <c:v>567772.81452689297</c:v>
                </c:pt>
                <c:pt idx="1888">
                  <c:v>566709.13016289705</c:v>
                </c:pt>
                <c:pt idx="1889">
                  <c:v>566946.21080270305</c:v>
                </c:pt>
                <c:pt idx="1890">
                  <c:v>566577.82043059205</c:v>
                </c:pt>
                <c:pt idx="1891">
                  <c:v>566296.75383611303</c:v>
                </c:pt>
                <c:pt idx="1892">
                  <c:v>566791.62028125802</c:v>
                </c:pt>
                <c:pt idx="1893">
                  <c:v>567144.54506614804</c:v>
                </c:pt>
                <c:pt idx="1894">
                  <c:v>566707.681611732</c:v>
                </c:pt>
                <c:pt idx="1895">
                  <c:v>566741.72963913495</c:v>
                </c:pt>
                <c:pt idx="1896">
                  <c:v>567892.02364765701</c:v>
                </c:pt>
                <c:pt idx="1897">
                  <c:v>568086.53930796997</c:v>
                </c:pt>
                <c:pt idx="1898">
                  <c:v>568968.71256953804</c:v>
                </c:pt>
                <c:pt idx="1899">
                  <c:v>567923.48565256596</c:v>
                </c:pt>
                <c:pt idx="1900">
                  <c:v>566873.66961720202</c:v>
                </c:pt>
                <c:pt idx="1901">
                  <c:v>566395.028374988</c:v>
                </c:pt>
                <c:pt idx="1902">
                  <c:v>565584.87770762003</c:v>
                </c:pt>
                <c:pt idx="1903">
                  <c:v>565842.70968422305</c:v>
                </c:pt>
                <c:pt idx="1904">
                  <c:v>564731.91890170402</c:v>
                </c:pt>
                <c:pt idx="1905">
                  <c:v>566691.50014127896</c:v>
                </c:pt>
                <c:pt idx="1906">
                  <c:v>567067.52359220898</c:v>
                </c:pt>
                <c:pt idx="1907">
                  <c:v>567510.248662506</c:v>
                </c:pt>
                <c:pt idx="1908">
                  <c:v>567247.51855209295</c:v>
                </c:pt>
                <c:pt idx="1909">
                  <c:v>567283.44211982796</c:v>
                </c:pt>
                <c:pt idx="1910">
                  <c:v>566272.60550030298</c:v>
                </c:pt>
                <c:pt idx="1911">
                  <c:v>565991.98325765901</c:v>
                </c:pt>
                <c:pt idx="1912">
                  <c:v>565807.27669215505</c:v>
                </c:pt>
                <c:pt idx="1913">
                  <c:v>566001.87619174004</c:v>
                </c:pt>
                <c:pt idx="1914">
                  <c:v>566444.57662709604</c:v>
                </c:pt>
                <c:pt idx="1915">
                  <c:v>565894.49163642002</c:v>
                </c:pt>
                <c:pt idx="1916">
                  <c:v>565727.73849542404</c:v>
                </c:pt>
                <c:pt idx="1917">
                  <c:v>566380.10081188998</c:v>
                </c:pt>
                <c:pt idx="1918">
                  <c:v>565828.76019560103</c:v>
                </c:pt>
                <c:pt idx="1919">
                  <c:v>565129.61342336796</c:v>
                </c:pt>
                <c:pt idx="1920">
                  <c:v>565462.456129789</c:v>
                </c:pt>
                <c:pt idx="1921">
                  <c:v>565420.783896968</c:v>
                </c:pt>
                <c:pt idx="1922">
                  <c:v>566512.25028092298</c:v>
                </c:pt>
                <c:pt idx="1923">
                  <c:v>566068.99656468804</c:v>
                </c:pt>
                <c:pt idx="1924">
                  <c:v>566118.18152016995</c:v>
                </c:pt>
                <c:pt idx="1925">
                  <c:v>564916.96582095802</c:v>
                </c:pt>
                <c:pt idx="1926">
                  <c:v>565734.59303010302</c:v>
                </c:pt>
                <c:pt idx="1927">
                  <c:v>565296.62429659802</c:v>
                </c:pt>
                <c:pt idx="1928">
                  <c:v>564265.92919095897</c:v>
                </c:pt>
                <c:pt idx="1929">
                  <c:v>564432.33052557195</c:v>
                </c:pt>
                <c:pt idx="1930">
                  <c:v>564269.984804846</c:v>
                </c:pt>
                <c:pt idx="1931">
                  <c:v>563968.29579195497</c:v>
                </c:pt>
                <c:pt idx="1932">
                  <c:v>563709.156735347</c:v>
                </c:pt>
                <c:pt idx="1933">
                  <c:v>563925.10295431002</c:v>
                </c:pt>
                <c:pt idx="1934">
                  <c:v>564100.01336909097</c:v>
                </c:pt>
                <c:pt idx="1935">
                  <c:v>564147.08363305102</c:v>
                </c:pt>
                <c:pt idx="1936">
                  <c:v>564395.768973995</c:v>
                </c:pt>
                <c:pt idx="1937">
                  <c:v>564020.87502238306</c:v>
                </c:pt>
                <c:pt idx="1938">
                  <c:v>564535.06666116498</c:v>
                </c:pt>
                <c:pt idx="1939">
                  <c:v>565223.91176348994</c:v>
                </c:pt>
                <c:pt idx="1940">
                  <c:v>565201.16610882001</c:v>
                </c:pt>
                <c:pt idx="1941">
                  <c:v>565079.858971218</c:v>
                </c:pt>
                <c:pt idx="1942">
                  <c:v>564812.10852738796</c:v>
                </c:pt>
                <c:pt idx="1943">
                  <c:v>564501.59263671597</c:v>
                </c:pt>
                <c:pt idx="1944">
                  <c:v>563514.97723693994</c:v>
                </c:pt>
                <c:pt idx="1945">
                  <c:v>564001.76461724495</c:v>
                </c:pt>
                <c:pt idx="1946">
                  <c:v>564617.33571100305</c:v>
                </c:pt>
                <c:pt idx="1947">
                  <c:v>564280.49211776198</c:v>
                </c:pt>
                <c:pt idx="1948">
                  <c:v>564230.897074671</c:v>
                </c:pt>
                <c:pt idx="1949">
                  <c:v>564351.29391900997</c:v>
                </c:pt>
                <c:pt idx="1950">
                  <c:v>564472.60105661198</c:v>
                </c:pt>
                <c:pt idx="1951">
                  <c:v>565378.99460967898</c:v>
                </c:pt>
                <c:pt idx="1952">
                  <c:v>566485.76119015797</c:v>
                </c:pt>
                <c:pt idx="1953">
                  <c:v>567518.710557146</c:v>
                </c:pt>
                <c:pt idx="1954">
                  <c:v>566179.32990657701</c:v>
                </c:pt>
                <c:pt idx="1955">
                  <c:v>566248.26117904705</c:v>
                </c:pt>
                <c:pt idx="1956">
                  <c:v>565716.21825066104</c:v>
                </c:pt>
                <c:pt idx="1957">
                  <c:v>566731.30688219494</c:v>
                </c:pt>
                <c:pt idx="1958">
                  <c:v>566829.35494495102</c:v>
                </c:pt>
                <c:pt idx="1959">
                  <c:v>567288.31175960298</c:v>
                </c:pt>
                <c:pt idx="1960">
                  <c:v>565795.60305836401</c:v>
                </c:pt>
                <c:pt idx="1961">
                  <c:v>566731.42550434603</c:v>
                </c:pt>
                <c:pt idx="1962">
                  <c:v>566689.651884889</c:v>
                </c:pt>
                <c:pt idx="1963">
                  <c:v>566998.38905283005</c:v>
                </c:pt>
                <c:pt idx="1964">
                  <c:v>568022.92754847801</c:v>
                </c:pt>
                <c:pt idx="1965">
                  <c:v>568015.52995264903</c:v>
                </c:pt>
                <c:pt idx="1966">
                  <c:v>568068.28899250797</c:v>
                </c:pt>
                <c:pt idx="1967">
                  <c:v>568420.917236857</c:v>
                </c:pt>
                <c:pt idx="1968">
                  <c:v>568172.29102660296</c:v>
                </c:pt>
                <c:pt idx="1969">
                  <c:v>568984.30693113303</c:v>
                </c:pt>
                <c:pt idx="1970">
                  <c:v>569725.60497699899</c:v>
                </c:pt>
                <c:pt idx="1971">
                  <c:v>569156.03681090695</c:v>
                </c:pt>
                <c:pt idx="1972">
                  <c:v>570447.66347481695</c:v>
                </c:pt>
                <c:pt idx="1973">
                  <c:v>570755.23623389495</c:v>
                </c:pt>
                <c:pt idx="1974">
                  <c:v>570934.80159603001</c:v>
                </c:pt>
                <c:pt idx="1975">
                  <c:v>570995.99644406699</c:v>
                </c:pt>
                <c:pt idx="1976">
                  <c:v>571397.472097983</c:v>
                </c:pt>
                <c:pt idx="1977">
                  <c:v>572015.74369089701</c:v>
                </c:pt>
                <c:pt idx="1978">
                  <c:v>572925.93624363898</c:v>
                </c:pt>
                <c:pt idx="1979">
                  <c:v>572174.80767773394</c:v>
                </c:pt>
                <c:pt idx="1980">
                  <c:v>573423.81773629796</c:v>
                </c:pt>
                <c:pt idx="1981">
                  <c:v>573828.82707287301</c:v>
                </c:pt>
                <c:pt idx="1982">
                  <c:v>573916.117300338</c:v>
                </c:pt>
                <c:pt idx="1983">
                  <c:v>574205.96475650603</c:v>
                </c:pt>
                <c:pt idx="1984">
                  <c:v>574984.56515082903</c:v>
                </c:pt>
                <c:pt idx="1985">
                  <c:v>576377.68104430905</c:v>
                </c:pt>
                <c:pt idx="1986">
                  <c:v>576149.70603466197</c:v>
                </c:pt>
                <c:pt idx="1987">
                  <c:v>575671.43237984995</c:v>
                </c:pt>
                <c:pt idx="1988">
                  <c:v>576053.42891509703</c:v>
                </c:pt>
                <c:pt idx="1989">
                  <c:v>576171.75809111202</c:v>
                </c:pt>
                <c:pt idx="1990">
                  <c:v>576313.07297082199</c:v>
                </c:pt>
                <c:pt idx="1991">
                  <c:v>576802.40243202797</c:v>
                </c:pt>
                <c:pt idx="1992">
                  <c:v>576420.57323107205</c:v>
                </c:pt>
                <c:pt idx="1993">
                  <c:v>577060.92225318996</c:v>
                </c:pt>
                <c:pt idx="1994">
                  <c:v>576758.53477854806</c:v>
                </c:pt>
                <c:pt idx="1995">
                  <c:v>576295.88724518602</c:v>
                </c:pt>
                <c:pt idx="1996">
                  <c:v>576692.17558347702</c:v>
                </c:pt>
                <c:pt idx="1997">
                  <c:v>577918.60803374497</c:v>
                </c:pt>
                <c:pt idx="1998">
                  <c:v>578134.15272967098</c:v>
                </c:pt>
                <c:pt idx="1999">
                  <c:v>578185.447990147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733-432C-BEB8-EAECA2D905CF}"/>
            </c:ext>
          </c:extLst>
        </c:ser>
        <c:ser>
          <c:idx val="2"/>
          <c:order val="2"/>
          <c:tx>
            <c:strRef>
              <c:f>hard_4_all_best!$C$1</c:f>
              <c:strCache>
                <c:ptCount val="1"/>
                <c:pt idx="0">
                  <c:v>SA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val>
            <c:numRef>
              <c:f>hard_4_all_best!$C$2:$C$15001</c:f>
              <c:numCache>
                <c:formatCode>General</c:formatCode>
                <c:ptCount val="15000"/>
                <c:pt idx="0">
                  <c:v>-8349841.8654841604</c:v>
                </c:pt>
                <c:pt idx="1">
                  <c:v>-8390687.1467682291</c:v>
                </c:pt>
                <c:pt idx="2">
                  <c:v>-8337782.9532467099</c:v>
                </c:pt>
                <c:pt idx="3">
                  <c:v>-8588280.3013251293</c:v>
                </c:pt>
                <c:pt idx="4">
                  <c:v>-8649982.6496282797</c:v>
                </c:pt>
                <c:pt idx="5">
                  <c:v>-8641491.8239691593</c:v>
                </c:pt>
                <c:pt idx="6">
                  <c:v>-8187028.6582613001</c:v>
                </c:pt>
                <c:pt idx="7">
                  <c:v>-8265344.7552828398</c:v>
                </c:pt>
                <c:pt idx="8">
                  <c:v>-8575836.8245078791</c:v>
                </c:pt>
                <c:pt idx="9">
                  <c:v>-8447155.2111125402</c:v>
                </c:pt>
                <c:pt idx="10">
                  <c:v>-8258624.5133953998</c:v>
                </c:pt>
                <c:pt idx="11">
                  <c:v>-8264138.3940529404</c:v>
                </c:pt>
                <c:pt idx="12">
                  <c:v>-8191599.4560801201</c:v>
                </c:pt>
                <c:pt idx="13">
                  <c:v>-8209974.46920342</c:v>
                </c:pt>
                <c:pt idx="14">
                  <c:v>-8390259.7810274009</c:v>
                </c:pt>
                <c:pt idx="15">
                  <c:v>-8378538.6376164705</c:v>
                </c:pt>
                <c:pt idx="16">
                  <c:v>-8084531.1379345302</c:v>
                </c:pt>
                <c:pt idx="17">
                  <c:v>-8078082.1196979498</c:v>
                </c:pt>
                <c:pt idx="18">
                  <c:v>-8080535.3655728102</c:v>
                </c:pt>
                <c:pt idx="19">
                  <c:v>-8111072.6244581398</c:v>
                </c:pt>
                <c:pt idx="20">
                  <c:v>-8103312.91780404</c:v>
                </c:pt>
                <c:pt idx="21">
                  <c:v>-8071597.4223337797</c:v>
                </c:pt>
                <c:pt idx="22">
                  <c:v>-8074212.8093048399</c:v>
                </c:pt>
                <c:pt idx="23">
                  <c:v>-8086808.1942218896</c:v>
                </c:pt>
                <c:pt idx="24">
                  <c:v>-8065628.1217977004</c:v>
                </c:pt>
                <c:pt idx="25">
                  <c:v>-8111072.3690966005</c:v>
                </c:pt>
                <c:pt idx="26">
                  <c:v>-8168791.1874190103</c:v>
                </c:pt>
                <c:pt idx="27">
                  <c:v>-8212949.0792356096</c:v>
                </c:pt>
                <c:pt idx="28">
                  <c:v>-8208574.5298517002</c:v>
                </c:pt>
                <c:pt idx="29">
                  <c:v>-8194735.8565771198</c:v>
                </c:pt>
                <c:pt idx="30">
                  <c:v>-8440432.3292351402</c:v>
                </c:pt>
                <c:pt idx="31">
                  <c:v>-8554471.2018842306</c:v>
                </c:pt>
                <c:pt idx="32">
                  <c:v>-8648376.7428532597</c:v>
                </c:pt>
                <c:pt idx="33">
                  <c:v>-8396183.5784614999</c:v>
                </c:pt>
                <c:pt idx="34">
                  <c:v>-8561902.1401068103</c:v>
                </c:pt>
                <c:pt idx="35">
                  <c:v>-8341955.7987817898</c:v>
                </c:pt>
                <c:pt idx="36">
                  <c:v>-8241583.8387243897</c:v>
                </c:pt>
                <c:pt idx="37">
                  <c:v>-8238202.3802121002</c:v>
                </c:pt>
                <c:pt idx="38">
                  <c:v>-8240840.6365837799</c:v>
                </c:pt>
                <c:pt idx="39">
                  <c:v>-8418678.7222507708</c:v>
                </c:pt>
                <c:pt idx="40">
                  <c:v>-8291984.8436739398</c:v>
                </c:pt>
                <c:pt idx="41">
                  <c:v>-8297298.0186241399</c:v>
                </c:pt>
                <c:pt idx="42">
                  <c:v>-8293834.8150048899</c:v>
                </c:pt>
                <c:pt idx="43">
                  <c:v>-8320150.6728290198</c:v>
                </c:pt>
                <c:pt idx="44">
                  <c:v>-8371036.4292537598</c:v>
                </c:pt>
                <c:pt idx="45">
                  <c:v>-8468215.52820893</c:v>
                </c:pt>
                <c:pt idx="46">
                  <c:v>-8480632.17009186</c:v>
                </c:pt>
                <c:pt idx="47">
                  <c:v>-8454469.0110553503</c:v>
                </c:pt>
                <c:pt idx="48">
                  <c:v>-8388344.2901219903</c:v>
                </c:pt>
                <c:pt idx="49">
                  <c:v>-8470805.1106789596</c:v>
                </c:pt>
                <c:pt idx="50">
                  <c:v>-8454281.2643799409</c:v>
                </c:pt>
                <c:pt idx="51">
                  <c:v>-8441939.8706353996</c:v>
                </c:pt>
                <c:pt idx="52">
                  <c:v>-8450800.7003448103</c:v>
                </c:pt>
                <c:pt idx="53">
                  <c:v>-8287811.2103926605</c:v>
                </c:pt>
                <c:pt idx="54">
                  <c:v>-8194582.0482475702</c:v>
                </c:pt>
                <c:pt idx="55">
                  <c:v>-8207612.4854580397</c:v>
                </c:pt>
                <c:pt idx="56">
                  <c:v>-8198536.8122553602</c:v>
                </c:pt>
                <c:pt idx="57">
                  <c:v>-8402082.9545962606</c:v>
                </c:pt>
                <c:pt idx="58">
                  <c:v>-7961492.6131573198</c:v>
                </c:pt>
                <c:pt idx="59">
                  <c:v>-7973083.07708087</c:v>
                </c:pt>
                <c:pt idx="60">
                  <c:v>-7985845.4953114698</c:v>
                </c:pt>
                <c:pt idx="61">
                  <c:v>-8077141.71520973</c:v>
                </c:pt>
                <c:pt idx="62">
                  <c:v>-8010739.2520550704</c:v>
                </c:pt>
                <c:pt idx="63">
                  <c:v>-8018593.5738857603</c:v>
                </c:pt>
                <c:pt idx="64">
                  <c:v>-8027543.1321422402</c:v>
                </c:pt>
                <c:pt idx="65">
                  <c:v>-8026503.1454698704</c:v>
                </c:pt>
                <c:pt idx="66">
                  <c:v>-8069694.4008631501</c:v>
                </c:pt>
                <c:pt idx="67">
                  <c:v>-8045109.0260956697</c:v>
                </c:pt>
                <c:pt idx="68">
                  <c:v>-8449479.0388358608</c:v>
                </c:pt>
                <c:pt idx="69">
                  <c:v>-8455871.4808751605</c:v>
                </c:pt>
                <c:pt idx="70">
                  <c:v>-8455276.4821688309</c:v>
                </c:pt>
                <c:pt idx="71">
                  <c:v>-8456978.7326216195</c:v>
                </c:pt>
                <c:pt idx="72">
                  <c:v>-8401456.2144425698</c:v>
                </c:pt>
                <c:pt idx="73">
                  <c:v>-8405957.0928732995</c:v>
                </c:pt>
                <c:pt idx="74">
                  <c:v>-8397095.5993544608</c:v>
                </c:pt>
                <c:pt idx="75">
                  <c:v>-8398825.2668550909</c:v>
                </c:pt>
                <c:pt idx="76">
                  <c:v>-8395578.3083037604</c:v>
                </c:pt>
                <c:pt idx="77">
                  <c:v>-8428075.2390961293</c:v>
                </c:pt>
                <c:pt idx="78">
                  <c:v>-8299098.2974376101</c:v>
                </c:pt>
                <c:pt idx="79">
                  <c:v>-8366819.3408633899</c:v>
                </c:pt>
                <c:pt idx="80">
                  <c:v>-8252579.2750431504</c:v>
                </c:pt>
                <c:pt idx="81">
                  <c:v>-8377814.6458517602</c:v>
                </c:pt>
                <c:pt idx="82">
                  <c:v>-8375913.4853207096</c:v>
                </c:pt>
                <c:pt idx="83">
                  <c:v>-8372252.1316229301</c:v>
                </c:pt>
                <c:pt idx="84">
                  <c:v>-8277616.4814256905</c:v>
                </c:pt>
                <c:pt idx="85">
                  <c:v>-8375419.6425323198</c:v>
                </c:pt>
                <c:pt idx="86">
                  <c:v>-8377701.2600763198</c:v>
                </c:pt>
                <c:pt idx="87">
                  <c:v>-8307762.4877701504</c:v>
                </c:pt>
                <c:pt idx="88">
                  <c:v>-8387083.6440853802</c:v>
                </c:pt>
                <c:pt idx="89">
                  <c:v>-8421469.0852331799</c:v>
                </c:pt>
                <c:pt idx="90">
                  <c:v>-8303831.4483908303</c:v>
                </c:pt>
                <c:pt idx="91">
                  <c:v>-8038023.2004725896</c:v>
                </c:pt>
                <c:pt idx="92">
                  <c:v>-8021907.5556031503</c:v>
                </c:pt>
                <c:pt idx="93">
                  <c:v>-8035450.3612078503</c:v>
                </c:pt>
                <c:pt idx="94">
                  <c:v>-8012047.4660053998</c:v>
                </c:pt>
                <c:pt idx="95">
                  <c:v>-8219209.4913360197</c:v>
                </c:pt>
                <c:pt idx="96">
                  <c:v>-8171086.5295695299</c:v>
                </c:pt>
                <c:pt idx="97">
                  <c:v>-8170155.3288806397</c:v>
                </c:pt>
                <c:pt idx="98">
                  <c:v>-8154045.2967422297</c:v>
                </c:pt>
                <c:pt idx="99">
                  <c:v>-8018973.7855440397</c:v>
                </c:pt>
                <c:pt idx="100">
                  <c:v>-8069760.9995831596</c:v>
                </c:pt>
                <c:pt idx="101">
                  <c:v>-8234592.6979980301</c:v>
                </c:pt>
                <c:pt idx="102">
                  <c:v>-8225130.1152573796</c:v>
                </c:pt>
                <c:pt idx="103">
                  <c:v>-8223838.44145492</c:v>
                </c:pt>
                <c:pt idx="104">
                  <c:v>-8221640.7824702496</c:v>
                </c:pt>
                <c:pt idx="105">
                  <c:v>-8215834.9144101404</c:v>
                </c:pt>
                <c:pt idx="106">
                  <c:v>-8304145.9699695101</c:v>
                </c:pt>
                <c:pt idx="107">
                  <c:v>-8296533.2635236401</c:v>
                </c:pt>
                <c:pt idx="108">
                  <c:v>-8294291.4926917199</c:v>
                </c:pt>
                <c:pt idx="109">
                  <c:v>-8326790.7483560201</c:v>
                </c:pt>
                <c:pt idx="110">
                  <c:v>-8338048.1954790801</c:v>
                </c:pt>
                <c:pt idx="111">
                  <c:v>-8176548.83514651</c:v>
                </c:pt>
                <c:pt idx="112">
                  <c:v>-8216450.7756768297</c:v>
                </c:pt>
                <c:pt idx="113">
                  <c:v>-8214348.0486799302</c:v>
                </c:pt>
                <c:pt idx="114">
                  <c:v>-8221365.7545970604</c:v>
                </c:pt>
                <c:pt idx="115">
                  <c:v>-8268922.5611415002</c:v>
                </c:pt>
                <c:pt idx="116">
                  <c:v>-8283794.4484060397</c:v>
                </c:pt>
                <c:pt idx="117">
                  <c:v>-8283794.4484060397</c:v>
                </c:pt>
                <c:pt idx="118">
                  <c:v>-8251255.2903068196</c:v>
                </c:pt>
                <c:pt idx="119">
                  <c:v>-8231467.4603327801</c:v>
                </c:pt>
                <c:pt idx="120">
                  <c:v>-8412483.9460907392</c:v>
                </c:pt>
                <c:pt idx="121">
                  <c:v>-8484282.2047260404</c:v>
                </c:pt>
                <c:pt idx="122">
                  <c:v>-8293120.7324947696</c:v>
                </c:pt>
                <c:pt idx="123">
                  <c:v>-8301826.8089746097</c:v>
                </c:pt>
                <c:pt idx="124">
                  <c:v>-8292862.4127638703</c:v>
                </c:pt>
                <c:pt idx="125">
                  <c:v>-8294509.5778002804</c:v>
                </c:pt>
                <c:pt idx="126">
                  <c:v>-8297461.66183306</c:v>
                </c:pt>
                <c:pt idx="127">
                  <c:v>-8296014.3388625896</c:v>
                </c:pt>
                <c:pt idx="128">
                  <c:v>-8313010.0424891999</c:v>
                </c:pt>
                <c:pt idx="129">
                  <c:v>-8375237.1930817403</c:v>
                </c:pt>
                <c:pt idx="130">
                  <c:v>-8427074.0066437405</c:v>
                </c:pt>
                <c:pt idx="131">
                  <c:v>-8432147.4251861703</c:v>
                </c:pt>
                <c:pt idx="132">
                  <c:v>-8296180.5192593103</c:v>
                </c:pt>
                <c:pt idx="133">
                  <c:v>-8185966.83561341</c:v>
                </c:pt>
                <c:pt idx="134">
                  <c:v>-8184697.5322364904</c:v>
                </c:pt>
                <c:pt idx="135">
                  <c:v>-8143632.9553010296</c:v>
                </c:pt>
                <c:pt idx="136">
                  <c:v>-8210773.3189686602</c:v>
                </c:pt>
                <c:pt idx="137">
                  <c:v>-8213613.8824771103</c:v>
                </c:pt>
                <c:pt idx="138">
                  <c:v>-8207663.0822997503</c:v>
                </c:pt>
                <c:pt idx="139">
                  <c:v>-8189898.7725542504</c:v>
                </c:pt>
                <c:pt idx="140">
                  <c:v>-8168518.8309610998</c:v>
                </c:pt>
                <c:pt idx="141">
                  <c:v>-8121537.4275047397</c:v>
                </c:pt>
                <c:pt idx="142">
                  <c:v>-8078492.8472525198</c:v>
                </c:pt>
                <c:pt idx="143">
                  <c:v>-8055863.1654313998</c:v>
                </c:pt>
                <c:pt idx="144">
                  <c:v>-8069311.8560626404</c:v>
                </c:pt>
                <c:pt idx="145">
                  <c:v>-8271051.727163</c:v>
                </c:pt>
                <c:pt idx="146">
                  <c:v>-8176488.91978864</c:v>
                </c:pt>
                <c:pt idx="147">
                  <c:v>-8178321.2364273602</c:v>
                </c:pt>
                <c:pt idx="148">
                  <c:v>-8232757.3434687397</c:v>
                </c:pt>
                <c:pt idx="149">
                  <c:v>-8251455.3465399304</c:v>
                </c:pt>
                <c:pt idx="150">
                  <c:v>-8239410.9896736797</c:v>
                </c:pt>
                <c:pt idx="151">
                  <c:v>-8254778.7075662604</c:v>
                </c:pt>
                <c:pt idx="152">
                  <c:v>-8312351.0685128104</c:v>
                </c:pt>
                <c:pt idx="153">
                  <c:v>-8266209.34255723</c:v>
                </c:pt>
                <c:pt idx="154">
                  <c:v>-8253420.2975900201</c:v>
                </c:pt>
                <c:pt idx="155">
                  <c:v>-8276823.86291801</c:v>
                </c:pt>
                <c:pt idx="156">
                  <c:v>-8046131.7489139298</c:v>
                </c:pt>
                <c:pt idx="157">
                  <c:v>-8040689.0137343099</c:v>
                </c:pt>
                <c:pt idx="158">
                  <c:v>-8045361.3033069298</c:v>
                </c:pt>
                <c:pt idx="159">
                  <c:v>-8041698.11617018</c:v>
                </c:pt>
                <c:pt idx="160">
                  <c:v>-8045891.8517320501</c:v>
                </c:pt>
                <c:pt idx="161">
                  <c:v>-8450026.7411423996</c:v>
                </c:pt>
                <c:pt idx="162">
                  <c:v>-8448292.1502067801</c:v>
                </c:pt>
                <c:pt idx="163">
                  <c:v>-8359600.5798441702</c:v>
                </c:pt>
                <c:pt idx="164">
                  <c:v>-8345938.1135658799</c:v>
                </c:pt>
                <c:pt idx="165">
                  <c:v>-8305120.7023450304</c:v>
                </c:pt>
                <c:pt idx="166">
                  <c:v>-8169652.5189832104</c:v>
                </c:pt>
                <c:pt idx="167">
                  <c:v>-8171678.4883072805</c:v>
                </c:pt>
                <c:pt idx="168">
                  <c:v>-8201821.6938196002</c:v>
                </c:pt>
                <c:pt idx="169">
                  <c:v>-8121834.3962989999</c:v>
                </c:pt>
                <c:pt idx="170">
                  <c:v>-8123232.4818093805</c:v>
                </c:pt>
                <c:pt idx="171">
                  <c:v>-8122593.2662985101</c:v>
                </c:pt>
                <c:pt idx="172">
                  <c:v>-8123994.0928358501</c:v>
                </c:pt>
                <c:pt idx="173">
                  <c:v>-8098515.0946337599</c:v>
                </c:pt>
                <c:pt idx="174">
                  <c:v>-8212990.0167535003</c:v>
                </c:pt>
                <c:pt idx="175">
                  <c:v>-8196448.3502501799</c:v>
                </c:pt>
                <c:pt idx="176">
                  <c:v>-8193295.3655239297</c:v>
                </c:pt>
                <c:pt idx="177">
                  <c:v>-8153977.9948055996</c:v>
                </c:pt>
                <c:pt idx="178">
                  <c:v>-8188700.3695040597</c:v>
                </c:pt>
                <c:pt idx="179">
                  <c:v>-8209191.14277671</c:v>
                </c:pt>
                <c:pt idx="180">
                  <c:v>-8237440.3261962701</c:v>
                </c:pt>
                <c:pt idx="181">
                  <c:v>-8349679.4125287002</c:v>
                </c:pt>
                <c:pt idx="182">
                  <c:v>-8329559.07118217</c:v>
                </c:pt>
                <c:pt idx="183">
                  <c:v>-8277100.01054757</c:v>
                </c:pt>
                <c:pt idx="184">
                  <c:v>-8252239.41944844</c:v>
                </c:pt>
                <c:pt idx="185">
                  <c:v>-8324410.6599086998</c:v>
                </c:pt>
                <c:pt idx="186">
                  <c:v>-8348150.4375156499</c:v>
                </c:pt>
                <c:pt idx="187">
                  <c:v>-8359840.2107118499</c:v>
                </c:pt>
                <c:pt idx="188">
                  <c:v>-8320340.5597549798</c:v>
                </c:pt>
                <c:pt idx="189">
                  <c:v>-8097459.2717923997</c:v>
                </c:pt>
                <c:pt idx="190">
                  <c:v>-8101361.5235778</c:v>
                </c:pt>
                <c:pt idx="191">
                  <c:v>-8104083.1418105997</c:v>
                </c:pt>
                <c:pt idx="192">
                  <c:v>-8106755.2195379399</c:v>
                </c:pt>
                <c:pt idx="193">
                  <c:v>-8330412.7057530303</c:v>
                </c:pt>
                <c:pt idx="194">
                  <c:v>-8282497.3468023501</c:v>
                </c:pt>
                <c:pt idx="195">
                  <c:v>-8290253.8057923401</c:v>
                </c:pt>
                <c:pt idx="196">
                  <c:v>-8265548.1267844504</c:v>
                </c:pt>
                <c:pt idx="197">
                  <c:v>-8473013.3088255301</c:v>
                </c:pt>
                <c:pt idx="198">
                  <c:v>-8466232.6764295697</c:v>
                </c:pt>
                <c:pt idx="199">
                  <c:v>-8311755.4721635701</c:v>
                </c:pt>
                <c:pt idx="200">
                  <c:v>-8290902.6974023804</c:v>
                </c:pt>
                <c:pt idx="201">
                  <c:v>-8326200.18423572</c:v>
                </c:pt>
                <c:pt idx="202">
                  <c:v>-8285326.7134855902</c:v>
                </c:pt>
                <c:pt idx="203">
                  <c:v>-8204403.2094058897</c:v>
                </c:pt>
                <c:pt idx="204">
                  <c:v>-8178788.8740742104</c:v>
                </c:pt>
                <c:pt idx="205">
                  <c:v>-8165668.93243217</c:v>
                </c:pt>
                <c:pt idx="206">
                  <c:v>-8266274.9801941197</c:v>
                </c:pt>
                <c:pt idx="207">
                  <c:v>-8300366.8799843499</c:v>
                </c:pt>
                <c:pt idx="208">
                  <c:v>-8043323.6792118596</c:v>
                </c:pt>
                <c:pt idx="209">
                  <c:v>-8008714.7895343397</c:v>
                </c:pt>
                <c:pt idx="210">
                  <c:v>-7992852.2199911699</c:v>
                </c:pt>
                <c:pt idx="211">
                  <c:v>-8003234.7349498998</c:v>
                </c:pt>
                <c:pt idx="212">
                  <c:v>-8023328.40617627</c:v>
                </c:pt>
                <c:pt idx="213">
                  <c:v>-8084379.3114864603</c:v>
                </c:pt>
                <c:pt idx="214">
                  <c:v>-8095828.0848483704</c:v>
                </c:pt>
                <c:pt idx="215">
                  <c:v>-8084317.9792378899</c:v>
                </c:pt>
                <c:pt idx="216">
                  <c:v>-8070486.3744104402</c:v>
                </c:pt>
                <c:pt idx="217">
                  <c:v>-8071674.4149601599</c:v>
                </c:pt>
                <c:pt idx="218">
                  <c:v>-8094877.5693719396</c:v>
                </c:pt>
                <c:pt idx="219">
                  <c:v>-8207295.0966966199</c:v>
                </c:pt>
                <c:pt idx="220">
                  <c:v>-8214393.4168638997</c:v>
                </c:pt>
                <c:pt idx="221">
                  <c:v>-8220451.5001391601</c:v>
                </c:pt>
                <c:pt idx="222">
                  <c:v>-8226044.3942489801</c:v>
                </c:pt>
                <c:pt idx="223">
                  <c:v>-8249808.5312595302</c:v>
                </c:pt>
                <c:pt idx="224">
                  <c:v>-8250238.8555140896</c:v>
                </c:pt>
                <c:pt idx="225">
                  <c:v>-8265704.0572835198</c:v>
                </c:pt>
                <c:pt idx="226">
                  <c:v>-8217585.19294912</c:v>
                </c:pt>
                <c:pt idx="227">
                  <c:v>-8154955.2275481196</c:v>
                </c:pt>
                <c:pt idx="228">
                  <c:v>-8157837.4799525803</c:v>
                </c:pt>
                <c:pt idx="229">
                  <c:v>-8443730.9514597505</c:v>
                </c:pt>
                <c:pt idx="230">
                  <c:v>-8442132.045008</c:v>
                </c:pt>
                <c:pt idx="231">
                  <c:v>-8504572.3118309099</c:v>
                </c:pt>
                <c:pt idx="232">
                  <c:v>-8381270.6024103202</c:v>
                </c:pt>
                <c:pt idx="233">
                  <c:v>-8394211.2985870093</c:v>
                </c:pt>
                <c:pt idx="234">
                  <c:v>-8208295.6091962596</c:v>
                </c:pt>
                <c:pt idx="235">
                  <c:v>-8205376.71528449</c:v>
                </c:pt>
                <c:pt idx="236">
                  <c:v>-8201469.6789531196</c:v>
                </c:pt>
                <c:pt idx="237">
                  <c:v>-8186522.0986300502</c:v>
                </c:pt>
                <c:pt idx="238">
                  <c:v>-8387276.2948463801</c:v>
                </c:pt>
                <c:pt idx="239">
                  <c:v>-8369615.9346221499</c:v>
                </c:pt>
                <c:pt idx="240">
                  <c:v>-8260792.9895743998</c:v>
                </c:pt>
                <c:pt idx="241">
                  <c:v>-8201078.8068659604</c:v>
                </c:pt>
                <c:pt idx="242">
                  <c:v>-8248691.1401676396</c:v>
                </c:pt>
                <c:pt idx="243">
                  <c:v>-8199017.1058502505</c:v>
                </c:pt>
                <c:pt idx="244">
                  <c:v>-8262516.4857028602</c:v>
                </c:pt>
                <c:pt idx="245">
                  <c:v>-8306299.3559418796</c:v>
                </c:pt>
                <c:pt idx="246">
                  <c:v>-8293752.5615542997</c:v>
                </c:pt>
                <c:pt idx="247">
                  <c:v>-8273922.3255093796</c:v>
                </c:pt>
                <c:pt idx="248">
                  <c:v>-8389672.4150853492</c:v>
                </c:pt>
                <c:pt idx="249">
                  <c:v>-8294373.7177819302</c:v>
                </c:pt>
                <c:pt idx="250">
                  <c:v>-8296629.5404909402</c:v>
                </c:pt>
                <c:pt idx="251">
                  <c:v>-8296762.5558166504</c:v>
                </c:pt>
                <c:pt idx="252">
                  <c:v>-8272299.2605137704</c:v>
                </c:pt>
                <c:pt idx="253">
                  <c:v>-8243002.0939699896</c:v>
                </c:pt>
                <c:pt idx="254">
                  <c:v>-8476307.5754602104</c:v>
                </c:pt>
                <c:pt idx="255">
                  <c:v>-8399673.7246873807</c:v>
                </c:pt>
                <c:pt idx="256">
                  <c:v>-8147232.3409074601</c:v>
                </c:pt>
                <c:pt idx="257">
                  <c:v>-8368186.8314620899</c:v>
                </c:pt>
                <c:pt idx="258">
                  <c:v>-8371435.5751888296</c:v>
                </c:pt>
                <c:pt idx="259">
                  <c:v>-8347990.4142228998</c:v>
                </c:pt>
                <c:pt idx="260">
                  <c:v>-8410691.5550733302</c:v>
                </c:pt>
                <c:pt idx="261">
                  <c:v>-8418744.4645051509</c:v>
                </c:pt>
                <c:pt idx="262">
                  <c:v>-8434216.7638762109</c:v>
                </c:pt>
                <c:pt idx="263">
                  <c:v>-8406236.2448148504</c:v>
                </c:pt>
                <c:pt idx="264">
                  <c:v>-8447543.0343953092</c:v>
                </c:pt>
                <c:pt idx="265">
                  <c:v>-8456364.9516266808</c:v>
                </c:pt>
                <c:pt idx="266">
                  <c:v>-8455457.7561792601</c:v>
                </c:pt>
                <c:pt idx="267">
                  <c:v>-8277074.7533843098</c:v>
                </c:pt>
                <c:pt idx="268">
                  <c:v>-8493514.7804135904</c:v>
                </c:pt>
                <c:pt idx="269">
                  <c:v>-8380620.7069098502</c:v>
                </c:pt>
                <c:pt idx="270">
                  <c:v>-8391411.0091061592</c:v>
                </c:pt>
                <c:pt idx="271">
                  <c:v>-8242929.6591944396</c:v>
                </c:pt>
                <c:pt idx="272">
                  <c:v>-7982161.83401071</c:v>
                </c:pt>
                <c:pt idx="273">
                  <c:v>-8119566.9204948097</c:v>
                </c:pt>
                <c:pt idx="274">
                  <c:v>-7952097.3671537098</c:v>
                </c:pt>
                <c:pt idx="275">
                  <c:v>-7955139.0560081704</c:v>
                </c:pt>
                <c:pt idx="276">
                  <c:v>-7937344.6722043101</c:v>
                </c:pt>
                <c:pt idx="277">
                  <c:v>-8137575.5191766899</c:v>
                </c:pt>
                <c:pt idx="278">
                  <c:v>-8141148.8189562503</c:v>
                </c:pt>
                <c:pt idx="279">
                  <c:v>-8131911.4359150799</c:v>
                </c:pt>
                <c:pt idx="280">
                  <c:v>-8143735.6978743197</c:v>
                </c:pt>
                <c:pt idx="281">
                  <c:v>-8127309.5058092102</c:v>
                </c:pt>
                <c:pt idx="282">
                  <c:v>-8283784.2612740304</c:v>
                </c:pt>
                <c:pt idx="283">
                  <c:v>-8279953.5761948498</c:v>
                </c:pt>
                <c:pt idx="284">
                  <c:v>-7764760.4323150301</c:v>
                </c:pt>
                <c:pt idx="285">
                  <c:v>-7767296.4159801304</c:v>
                </c:pt>
                <c:pt idx="286">
                  <c:v>-7733446.1028593499</c:v>
                </c:pt>
                <c:pt idx="287">
                  <c:v>-7671536.1647531297</c:v>
                </c:pt>
                <c:pt idx="288">
                  <c:v>-7713889.9489323199</c:v>
                </c:pt>
                <c:pt idx="289">
                  <c:v>-7715614.5562682301</c:v>
                </c:pt>
                <c:pt idx="290">
                  <c:v>-8205139.6791924099</c:v>
                </c:pt>
                <c:pt idx="291">
                  <c:v>-8285824.5084124897</c:v>
                </c:pt>
                <c:pt idx="292">
                  <c:v>-8596675.3397675399</c:v>
                </c:pt>
                <c:pt idx="293">
                  <c:v>-8255148.8542358996</c:v>
                </c:pt>
                <c:pt idx="294">
                  <c:v>-8216123.6288992902</c:v>
                </c:pt>
                <c:pt idx="295">
                  <c:v>-8142874.0638388097</c:v>
                </c:pt>
                <c:pt idx="296">
                  <c:v>-8223721.1257859301</c:v>
                </c:pt>
                <c:pt idx="297">
                  <c:v>-8334643.9066731203</c:v>
                </c:pt>
                <c:pt idx="298">
                  <c:v>-8342583.1628632098</c:v>
                </c:pt>
                <c:pt idx="299">
                  <c:v>-8358726.1769852797</c:v>
                </c:pt>
                <c:pt idx="300">
                  <c:v>-8523917.4131402206</c:v>
                </c:pt>
                <c:pt idx="301">
                  <c:v>-8437738.2367744297</c:v>
                </c:pt>
                <c:pt idx="302">
                  <c:v>-8363447.1518100305</c:v>
                </c:pt>
                <c:pt idx="303">
                  <c:v>-8368908.4277977897</c:v>
                </c:pt>
                <c:pt idx="304">
                  <c:v>-8365893.5605302704</c:v>
                </c:pt>
                <c:pt idx="305">
                  <c:v>-8392065.8974590302</c:v>
                </c:pt>
                <c:pt idx="306">
                  <c:v>-8360876.6654556198</c:v>
                </c:pt>
                <c:pt idx="307">
                  <c:v>-8379605.8804436401</c:v>
                </c:pt>
                <c:pt idx="308">
                  <c:v>-8280333.66381195</c:v>
                </c:pt>
                <c:pt idx="309">
                  <c:v>-8233258.9582922002</c:v>
                </c:pt>
                <c:pt idx="310">
                  <c:v>-8238741.8189654099</c:v>
                </c:pt>
                <c:pt idx="311">
                  <c:v>-8272349.0325233499</c:v>
                </c:pt>
                <c:pt idx="312">
                  <c:v>-8254175.7499272097</c:v>
                </c:pt>
                <c:pt idx="313">
                  <c:v>-8252842.8432791997</c:v>
                </c:pt>
                <c:pt idx="314">
                  <c:v>-8304056.01042822</c:v>
                </c:pt>
                <c:pt idx="315">
                  <c:v>-8302662.6054084804</c:v>
                </c:pt>
                <c:pt idx="316">
                  <c:v>-8302749.9148955503</c:v>
                </c:pt>
                <c:pt idx="317">
                  <c:v>-8298072.1403937899</c:v>
                </c:pt>
                <c:pt idx="318">
                  <c:v>-8274855.9429144701</c:v>
                </c:pt>
                <c:pt idx="319">
                  <c:v>-8288087.3577589197</c:v>
                </c:pt>
                <c:pt idx="320">
                  <c:v>-8270361.90092579</c:v>
                </c:pt>
                <c:pt idx="321">
                  <c:v>-8279667.6839991696</c:v>
                </c:pt>
                <c:pt idx="322">
                  <c:v>-8291947.3959391098</c:v>
                </c:pt>
                <c:pt idx="323">
                  <c:v>-8377599.0437321598</c:v>
                </c:pt>
                <c:pt idx="324">
                  <c:v>-8377355.6912436504</c:v>
                </c:pt>
                <c:pt idx="325">
                  <c:v>-8381369.5004896801</c:v>
                </c:pt>
                <c:pt idx="326">
                  <c:v>-8381369.5004896801</c:v>
                </c:pt>
                <c:pt idx="327">
                  <c:v>-8370562.9985357402</c:v>
                </c:pt>
                <c:pt idx="328">
                  <c:v>-8351646.5217440203</c:v>
                </c:pt>
                <c:pt idx="329">
                  <c:v>-8334287.5114578297</c:v>
                </c:pt>
                <c:pt idx="330">
                  <c:v>-8272455.0059407596</c:v>
                </c:pt>
                <c:pt idx="331">
                  <c:v>-8183544.6510327896</c:v>
                </c:pt>
                <c:pt idx="332">
                  <c:v>-8190281.3112611603</c:v>
                </c:pt>
                <c:pt idx="333">
                  <c:v>-8188125.9273170596</c:v>
                </c:pt>
                <c:pt idx="334">
                  <c:v>-8260779.4099047203</c:v>
                </c:pt>
                <c:pt idx="335">
                  <c:v>-8266897.6695913002</c:v>
                </c:pt>
                <c:pt idx="336">
                  <c:v>-8258094.4010607703</c:v>
                </c:pt>
                <c:pt idx="337">
                  <c:v>-8284730.9191161096</c:v>
                </c:pt>
                <c:pt idx="338">
                  <c:v>-8358007.3257117299</c:v>
                </c:pt>
                <c:pt idx="339">
                  <c:v>-8356406.0516393296</c:v>
                </c:pt>
                <c:pt idx="340">
                  <c:v>-8362262.2198217604</c:v>
                </c:pt>
                <c:pt idx="341">
                  <c:v>-8446513.7238854393</c:v>
                </c:pt>
                <c:pt idx="342">
                  <c:v>-8479915.1607936099</c:v>
                </c:pt>
                <c:pt idx="343">
                  <c:v>-8114504.4856177801</c:v>
                </c:pt>
                <c:pt idx="344">
                  <c:v>-8356576.5181067297</c:v>
                </c:pt>
                <c:pt idx="345">
                  <c:v>-8360768.9024598897</c:v>
                </c:pt>
                <c:pt idx="346">
                  <c:v>-8355563.7414114801</c:v>
                </c:pt>
                <c:pt idx="347">
                  <c:v>-8362607.0351474704</c:v>
                </c:pt>
                <c:pt idx="348">
                  <c:v>-8367854.6302730497</c:v>
                </c:pt>
                <c:pt idx="349">
                  <c:v>-8121995.7437739102</c:v>
                </c:pt>
                <c:pt idx="350">
                  <c:v>-8108621.38452732</c:v>
                </c:pt>
                <c:pt idx="351">
                  <c:v>-8106819.4038764397</c:v>
                </c:pt>
                <c:pt idx="352">
                  <c:v>-8106004.1547609204</c:v>
                </c:pt>
                <c:pt idx="353">
                  <c:v>-8106424.3881068798</c:v>
                </c:pt>
                <c:pt idx="354">
                  <c:v>-8172298.82990814</c:v>
                </c:pt>
                <c:pt idx="355">
                  <c:v>-8114743.0312957196</c:v>
                </c:pt>
                <c:pt idx="356">
                  <c:v>-8145726.5950685497</c:v>
                </c:pt>
                <c:pt idx="357">
                  <c:v>-8185503.3666726397</c:v>
                </c:pt>
                <c:pt idx="358">
                  <c:v>-8207634.4266653899</c:v>
                </c:pt>
                <c:pt idx="359">
                  <c:v>-8181396.8335140496</c:v>
                </c:pt>
                <c:pt idx="360">
                  <c:v>-8181834.5452327104</c:v>
                </c:pt>
                <c:pt idx="361">
                  <c:v>-8181267.1563365497</c:v>
                </c:pt>
                <c:pt idx="362">
                  <c:v>-8050499.1213942403</c:v>
                </c:pt>
                <c:pt idx="363">
                  <c:v>-8047464.0300502498</c:v>
                </c:pt>
                <c:pt idx="364">
                  <c:v>-8060623.8053005002</c:v>
                </c:pt>
                <c:pt idx="365">
                  <c:v>-7994454.3263156302</c:v>
                </c:pt>
                <c:pt idx="366">
                  <c:v>-7966854.8987596296</c:v>
                </c:pt>
                <c:pt idx="367">
                  <c:v>-7958331.4531825604</c:v>
                </c:pt>
                <c:pt idx="368">
                  <c:v>-7955770.4106709696</c:v>
                </c:pt>
                <c:pt idx="369">
                  <c:v>-7945418.9389538802</c:v>
                </c:pt>
                <c:pt idx="370">
                  <c:v>-8248335.16325479</c:v>
                </c:pt>
                <c:pt idx="371">
                  <c:v>-8272891.7402694104</c:v>
                </c:pt>
                <c:pt idx="372">
                  <c:v>-8028447.5789431697</c:v>
                </c:pt>
                <c:pt idx="373">
                  <c:v>-8024139.0361019298</c:v>
                </c:pt>
                <c:pt idx="374">
                  <c:v>-8016007.0667440603</c:v>
                </c:pt>
                <c:pt idx="375">
                  <c:v>-7995520.2956365002</c:v>
                </c:pt>
                <c:pt idx="376">
                  <c:v>-8030648.1732943803</c:v>
                </c:pt>
                <c:pt idx="377">
                  <c:v>-8046654.9121856904</c:v>
                </c:pt>
                <c:pt idx="378">
                  <c:v>-7966043.8200068604</c:v>
                </c:pt>
                <c:pt idx="379">
                  <c:v>-8185508.39523423</c:v>
                </c:pt>
                <c:pt idx="380">
                  <c:v>-8197095.3064001501</c:v>
                </c:pt>
                <c:pt idx="381">
                  <c:v>-8098023.6682997402</c:v>
                </c:pt>
                <c:pt idx="382">
                  <c:v>-8095199.5201407103</c:v>
                </c:pt>
                <c:pt idx="383">
                  <c:v>-8189727.2188412901</c:v>
                </c:pt>
                <c:pt idx="384">
                  <c:v>-8190266.0529751899</c:v>
                </c:pt>
                <c:pt idx="385">
                  <c:v>-8096708.3646584405</c:v>
                </c:pt>
                <c:pt idx="386">
                  <c:v>-8080874.1459436202</c:v>
                </c:pt>
                <c:pt idx="387">
                  <c:v>-8081295.3688552501</c:v>
                </c:pt>
                <c:pt idx="388">
                  <c:v>-7944613.9803892598</c:v>
                </c:pt>
                <c:pt idx="389">
                  <c:v>-7939386.5613548402</c:v>
                </c:pt>
                <c:pt idx="390">
                  <c:v>-8057947.3418550603</c:v>
                </c:pt>
                <c:pt idx="391">
                  <c:v>-8015707.3953249203</c:v>
                </c:pt>
                <c:pt idx="392">
                  <c:v>-8006575.5532045802</c:v>
                </c:pt>
                <c:pt idx="393">
                  <c:v>-8025553.70967496</c:v>
                </c:pt>
                <c:pt idx="394">
                  <c:v>-8020430.4026027201</c:v>
                </c:pt>
                <c:pt idx="395">
                  <c:v>-8333922.8580810102</c:v>
                </c:pt>
                <c:pt idx="396">
                  <c:v>-8208614.9990936499</c:v>
                </c:pt>
                <c:pt idx="397">
                  <c:v>-8144154.3142309096</c:v>
                </c:pt>
                <c:pt idx="398">
                  <c:v>-8203083.6485940004</c:v>
                </c:pt>
                <c:pt idx="399">
                  <c:v>-8192283.4441815903</c:v>
                </c:pt>
                <c:pt idx="400">
                  <c:v>-8165854.0120769497</c:v>
                </c:pt>
                <c:pt idx="401">
                  <c:v>-8179315.9973971201</c:v>
                </c:pt>
                <c:pt idx="402">
                  <c:v>-8177819.3256312301</c:v>
                </c:pt>
                <c:pt idx="403">
                  <c:v>-8170317.1974552805</c:v>
                </c:pt>
                <c:pt idx="404">
                  <c:v>-8220438.9071525903</c:v>
                </c:pt>
                <c:pt idx="405">
                  <c:v>-8229385.9561521998</c:v>
                </c:pt>
                <c:pt idx="406">
                  <c:v>-8189176.1539491396</c:v>
                </c:pt>
                <c:pt idx="407">
                  <c:v>-8100167.4473043401</c:v>
                </c:pt>
                <c:pt idx="408">
                  <c:v>-8212028.8862372898</c:v>
                </c:pt>
                <c:pt idx="409">
                  <c:v>-8211846.4023546698</c:v>
                </c:pt>
                <c:pt idx="410">
                  <c:v>-8300080.7779921601</c:v>
                </c:pt>
                <c:pt idx="411">
                  <c:v>-8270988.26771452</c:v>
                </c:pt>
                <c:pt idx="412">
                  <c:v>-8223162.3801141204</c:v>
                </c:pt>
                <c:pt idx="413">
                  <c:v>-8216247.8825926101</c:v>
                </c:pt>
                <c:pt idx="414">
                  <c:v>-8200609.7218580795</c:v>
                </c:pt>
                <c:pt idx="415">
                  <c:v>-8099932.1538843298</c:v>
                </c:pt>
                <c:pt idx="416">
                  <c:v>-8099932.1538843298</c:v>
                </c:pt>
                <c:pt idx="417">
                  <c:v>-8070220.7901188396</c:v>
                </c:pt>
                <c:pt idx="418">
                  <c:v>-8065632.1643198701</c:v>
                </c:pt>
                <c:pt idx="419">
                  <c:v>-8088882.5500261802</c:v>
                </c:pt>
                <c:pt idx="420">
                  <c:v>-8134864.37417995</c:v>
                </c:pt>
                <c:pt idx="421">
                  <c:v>-8120705.1680044904</c:v>
                </c:pt>
                <c:pt idx="422">
                  <c:v>-7913518.0146539798</c:v>
                </c:pt>
                <c:pt idx="423">
                  <c:v>-7920901.7960833404</c:v>
                </c:pt>
                <c:pt idx="424">
                  <c:v>-8157154.4241351699</c:v>
                </c:pt>
                <c:pt idx="425">
                  <c:v>-8187454.1606905898</c:v>
                </c:pt>
                <c:pt idx="426">
                  <c:v>-8210404.5880366601</c:v>
                </c:pt>
                <c:pt idx="427">
                  <c:v>-7902678.3695906997</c:v>
                </c:pt>
                <c:pt idx="428">
                  <c:v>-7895843.1806083899</c:v>
                </c:pt>
                <c:pt idx="429">
                  <c:v>-7915886.8673516</c:v>
                </c:pt>
                <c:pt idx="430">
                  <c:v>-8045193.56899752</c:v>
                </c:pt>
                <c:pt idx="431">
                  <c:v>-8055451.8111020103</c:v>
                </c:pt>
                <c:pt idx="432">
                  <c:v>-8025156.1897786101</c:v>
                </c:pt>
                <c:pt idx="433">
                  <c:v>-8066144.17105598</c:v>
                </c:pt>
                <c:pt idx="434">
                  <c:v>-8061419.9349102797</c:v>
                </c:pt>
                <c:pt idx="435">
                  <c:v>-7922332.1370577598</c:v>
                </c:pt>
                <c:pt idx="436">
                  <c:v>-7929031.75846209</c:v>
                </c:pt>
                <c:pt idx="437">
                  <c:v>-7910273.6329153301</c:v>
                </c:pt>
                <c:pt idx="438">
                  <c:v>-7904361.3262147401</c:v>
                </c:pt>
                <c:pt idx="439">
                  <c:v>-8065722.87365977</c:v>
                </c:pt>
                <c:pt idx="440">
                  <c:v>-8061818.8459550403</c:v>
                </c:pt>
                <c:pt idx="441">
                  <c:v>-8073827.4014315996</c:v>
                </c:pt>
                <c:pt idx="442">
                  <c:v>-7642361.3004157096</c:v>
                </c:pt>
                <c:pt idx="443">
                  <c:v>-7637542.1874568798</c:v>
                </c:pt>
                <c:pt idx="444">
                  <c:v>-7626983.5425452804</c:v>
                </c:pt>
                <c:pt idx="445">
                  <c:v>-7628575.9133447297</c:v>
                </c:pt>
                <c:pt idx="446">
                  <c:v>-7676499.2556303898</c:v>
                </c:pt>
                <c:pt idx="447">
                  <c:v>-7667883.2349832105</c:v>
                </c:pt>
                <c:pt idx="448">
                  <c:v>-7944463.0730720898</c:v>
                </c:pt>
                <c:pt idx="449">
                  <c:v>-7910161.2410401497</c:v>
                </c:pt>
                <c:pt idx="450">
                  <c:v>-7942832.4444813002</c:v>
                </c:pt>
                <c:pt idx="451">
                  <c:v>-7959237.5136634298</c:v>
                </c:pt>
                <c:pt idx="452">
                  <c:v>-7961920.0225726096</c:v>
                </c:pt>
                <c:pt idx="453">
                  <c:v>-7990170.8700980498</c:v>
                </c:pt>
                <c:pt idx="454">
                  <c:v>-8298779.9784340505</c:v>
                </c:pt>
                <c:pt idx="455">
                  <c:v>-8169817.4959875299</c:v>
                </c:pt>
                <c:pt idx="456">
                  <c:v>-7962962.38497655</c:v>
                </c:pt>
                <c:pt idx="457">
                  <c:v>-7985987.6019991599</c:v>
                </c:pt>
                <c:pt idx="458">
                  <c:v>-8092719.8285115799</c:v>
                </c:pt>
                <c:pt idx="459">
                  <c:v>-8029007.4270904996</c:v>
                </c:pt>
                <c:pt idx="460">
                  <c:v>-8007754.7323047202</c:v>
                </c:pt>
                <c:pt idx="461">
                  <c:v>-8041751.4235257003</c:v>
                </c:pt>
                <c:pt idx="462">
                  <c:v>-8053216.2428210499</c:v>
                </c:pt>
                <c:pt idx="463">
                  <c:v>-8048813.88470113</c:v>
                </c:pt>
                <c:pt idx="464">
                  <c:v>-7748257.5137418499</c:v>
                </c:pt>
                <c:pt idx="465">
                  <c:v>-7648981.6183623997</c:v>
                </c:pt>
                <c:pt idx="466">
                  <c:v>-7644065.6707888301</c:v>
                </c:pt>
                <c:pt idx="467">
                  <c:v>-7644329.78906452</c:v>
                </c:pt>
                <c:pt idx="468">
                  <c:v>-7668172.9785727002</c:v>
                </c:pt>
                <c:pt idx="469">
                  <c:v>-7871121.8933321796</c:v>
                </c:pt>
                <c:pt idx="470">
                  <c:v>-7858052.6890667304</c:v>
                </c:pt>
                <c:pt idx="471">
                  <c:v>-7887533.4164968198</c:v>
                </c:pt>
                <c:pt idx="472">
                  <c:v>-7860849.6871729996</c:v>
                </c:pt>
                <c:pt idx="473">
                  <c:v>-7859990.5747231096</c:v>
                </c:pt>
                <c:pt idx="474">
                  <c:v>-7853805.92407199</c:v>
                </c:pt>
                <c:pt idx="475">
                  <c:v>-7849580.6836782498</c:v>
                </c:pt>
                <c:pt idx="476">
                  <c:v>-8014360.3100629197</c:v>
                </c:pt>
                <c:pt idx="477">
                  <c:v>-8007512.1393400496</c:v>
                </c:pt>
                <c:pt idx="478">
                  <c:v>-8018723.1255198698</c:v>
                </c:pt>
                <c:pt idx="479">
                  <c:v>-8028219.3287969902</c:v>
                </c:pt>
                <c:pt idx="480">
                  <c:v>-8032015.7584541701</c:v>
                </c:pt>
                <c:pt idx="481">
                  <c:v>-8040190.2310572602</c:v>
                </c:pt>
                <c:pt idx="482">
                  <c:v>-7934280.6662689997</c:v>
                </c:pt>
                <c:pt idx="483">
                  <c:v>-7889921.9490321102</c:v>
                </c:pt>
                <c:pt idx="484">
                  <c:v>-7823925.5685436698</c:v>
                </c:pt>
                <c:pt idx="485">
                  <c:v>-7799849.4062538901</c:v>
                </c:pt>
                <c:pt idx="486">
                  <c:v>-7818303.4782286799</c:v>
                </c:pt>
                <c:pt idx="487">
                  <c:v>-7808855.3769331696</c:v>
                </c:pt>
                <c:pt idx="488">
                  <c:v>-7794195.6180219296</c:v>
                </c:pt>
                <c:pt idx="489">
                  <c:v>-7796561.6941614803</c:v>
                </c:pt>
                <c:pt idx="490">
                  <c:v>-7957984.2001548596</c:v>
                </c:pt>
                <c:pt idx="491">
                  <c:v>-7962119.4864229802</c:v>
                </c:pt>
                <c:pt idx="492">
                  <c:v>-7961780.5565816201</c:v>
                </c:pt>
                <c:pt idx="493">
                  <c:v>-7943877.2159218304</c:v>
                </c:pt>
                <c:pt idx="494">
                  <c:v>-7930535.6061501903</c:v>
                </c:pt>
                <c:pt idx="495">
                  <c:v>-7930535.6061501903</c:v>
                </c:pt>
                <c:pt idx="496">
                  <c:v>-7978475.97637928</c:v>
                </c:pt>
                <c:pt idx="497">
                  <c:v>-7985739.9101434704</c:v>
                </c:pt>
                <c:pt idx="498">
                  <c:v>-7959379.7212864198</c:v>
                </c:pt>
                <c:pt idx="499">
                  <c:v>-7979475.2147978302</c:v>
                </c:pt>
                <c:pt idx="500">
                  <c:v>-7989621.2157848496</c:v>
                </c:pt>
                <c:pt idx="501">
                  <c:v>-7998946.35712515</c:v>
                </c:pt>
                <c:pt idx="502">
                  <c:v>-7943093.8818381699</c:v>
                </c:pt>
                <c:pt idx="503">
                  <c:v>-7968135.3921272103</c:v>
                </c:pt>
                <c:pt idx="504">
                  <c:v>-7967906.1509733899</c:v>
                </c:pt>
                <c:pt idx="505">
                  <c:v>-7964695.6472167503</c:v>
                </c:pt>
                <c:pt idx="506">
                  <c:v>-7938479.5240989504</c:v>
                </c:pt>
                <c:pt idx="507">
                  <c:v>-7925175.6286269696</c:v>
                </c:pt>
                <c:pt idx="508">
                  <c:v>-7912647.4978407398</c:v>
                </c:pt>
                <c:pt idx="509">
                  <c:v>-7912834.2401769897</c:v>
                </c:pt>
                <c:pt idx="510">
                  <c:v>-7853696.1332996804</c:v>
                </c:pt>
                <c:pt idx="511">
                  <c:v>-7844019.2865132401</c:v>
                </c:pt>
                <c:pt idx="512">
                  <c:v>-7764624.1463927003</c:v>
                </c:pt>
                <c:pt idx="513">
                  <c:v>-7599792.4379575597</c:v>
                </c:pt>
                <c:pt idx="514">
                  <c:v>-7736291.9593188902</c:v>
                </c:pt>
                <c:pt idx="515">
                  <c:v>-7768978.1154019199</c:v>
                </c:pt>
                <c:pt idx="516">
                  <c:v>-8025209.1995602297</c:v>
                </c:pt>
                <c:pt idx="517">
                  <c:v>-7925556.89751535</c:v>
                </c:pt>
                <c:pt idx="518">
                  <c:v>-7599022.6957557397</c:v>
                </c:pt>
                <c:pt idx="519">
                  <c:v>-7574633.6880125599</c:v>
                </c:pt>
                <c:pt idx="520">
                  <c:v>-7616102.1039784504</c:v>
                </c:pt>
                <c:pt idx="521">
                  <c:v>-7588781.1947708298</c:v>
                </c:pt>
                <c:pt idx="522">
                  <c:v>-7623199.8620434003</c:v>
                </c:pt>
                <c:pt idx="523">
                  <c:v>-7622116.00872433</c:v>
                </c:pt>
                <c:pt idx="524">
                  <c:v>-7688429.7744348198</c:v>
                </c:pt>
                <c:pt idx="525">
                  <c:v>-7692557.5018871902</c:v>
                </c:pt>
                <c:pt idx="526">
                  <c:v>-7750083.7007407201</c:v>
                </c:pt>
                <c:pt idx="527">
                  <c:v>-7751295.5083588203</c:v>
                </c:pt>
                <c:pt idx="528">
                  <c:v>-7690869.5289329598</c:v>
                </c:pt>
                <c:pt idx="529">
                  <c:v>-7758155.3641985301</c:v>
                </c:pt>
                <c:pt idx="530">
                  <c:v>-7621467.2961200196</c:v>
                </c:pt>
                <c:pt idx="531">
                  <c:v>-7589316.5875981199</c:v>
                </c:pt>
                <c:pt idx="532">
                  <c:v>-7650225.7007975699</c:v>
                </c:pt>
                <c:pt idx="533">
                  <c:v>-7700358.4990435103</c:v>
                </c:pt>
                <c:pt idx="534">
                  <c:v>-7729695.3674323102</c:v>
                </c:pt>
                <c:pt idx="535">
                  <c:v>-7656088.9745202996</c:v>
                </c:pt>
                <c:pt idx="536">
                  <c:v>-7663678.20321484</c:v>
                </c:pt>
                <c:pt idx="537">
                  <c:v>-7602441.1929394901</c:v>
                </c:pt>
                <c:pt idx="538">
                  <c:v>-7877103.5232748203</c:v>
                </c:pt>
                <c:pt idx="539">
                  <c:v>-7984076.4056720296</c:v>
                </c:pt>
                <c:pt idx="540">
                  <c:v>-7984325.2585527496</c:v>
                </c:pt>
                <c:pt idx="541">
                  <c:v>-7986010.0099486597</c:v>
                </c:pt>
                <c:pt idx="542">
                  <c:v>-7803277.9238840202</c:v>
                </c:pt>
                <c:pt idx="543">
                  <c:v>-7808813.5031562001</c:v>
                </c:pt>
                <c:pt idx="544">
                  <c:v>-7820496.5080306297</c:v>
                </c:pt>
                <c:pt idx="545">
                  <c:v>-7585126.5406033304</c:v>
                </c:pt>
                <c:pt idx="546">
                  <c:v>-7590630.5485825604</c:v>
                </c:pt>
                <c:pt idx="547">
                  <c:v>-7676356.4387335395</c:v>
                </c:pt>
                <c:pt idx="548">
                  <c:v>-7681939.9581358796</c:v>
                </c:pt>
                <c:pt idx="549">
                  <c:v>-7716726.3724079197</c:v>
                </c:pt>
                <c:pt idx="550">
                  <c:v>-7715738.4410110898</c:v>
                </c:pt>
                <c:pt idx="551">
                  <c:v>-7608966.7567559704</c:v>
                </c:pt>
                <c:pt idx="552">
                  <c:v>-7625867.7934069196</c:v>
                </c:pt>
                <c:pt idx="553">
                  <c:v>-7714028.0311883502</c:v>
                </c:pt>
                <c:pt idx="554">
                  <c:v>-7721025.9298523096</c:v>
                </c:pt>
                <c:pt idx="555">
                  <c:v>-7717936.1043190099</c:v>
                </c:pt>
                <c:pt idx="556">
                  <c:v>-7710516.3497047797</c:v>
                </c:pt>
                <c:pt idx="557">
                  <c:v>-7639730.94558495</c:v>
                </c:pt>
                <c:pt idx="558">
                  <c:v>-7649543.4985312596</c:v>
                </c:pt>
                <c:pt idx="559">
                  <c:v>-7685562.9208786199</c:v>
                </c:pt>
                <c:pt idx="560">
                  <c:v>-7685681.21559784</c:v>
                </c:pt>
                <c:pt idx="561">
                  <c:v>-7723349.6427242896</c:v>
                </c:pt>
                <c:pt idx="562">
                  <c:v>-7714845.95244746</c:v>
                </c:pt>
                <c:pt idx="563">
                  <c:v>-7737902.7944384497</c:v>
                </c:pt>
                <c:pt idx="564">
                  <c:v>-7746963.1776483599</c:v>
                </c:pt>
                <c:pt idx="565">
                  <c:v>-7785991.2325232401</c:v>
                </c:pt>
                <c:pt idx="566">
                  <c:v>-7813451.3067663005</c:v>
                </c:pt>
                <c:pt idx="567">
                  <c:v>-7824020.1252269698</c:v>
                </c:pt>
                <c:pt idx="568">
                  <c:v>-7834548.61832406</c:v>
                </c:pt>
                <c:pt idx="569">
                  <c:v>-7829799.3463778803</c:v>
                </c:pt>
                <c:pt idx="570">
                  <c:v>-8061160.7133997399</c:v>
                </c:pt>
                <c:pt idx="571">
                  <c:v>-8006733.1758272499</c:v>
                </c:pt>
                <c:pt idx="572">
                  <c:v>-8085044.84128711</c:v>
                </c:pt>
                <c:pt idx="573">
                  <c:v>-8014438.6547509497</c:v>
                </c:pt>
                <c:pt idx="574">
                  <c:v>-8019748.1339903995</c:v>
                </c:pt>
                <c:pt idx="575">
                  <c:v>-8033082.4718053099</c:v>
                </c:pt>
                <c:pt idx="576">
                  <c:v>-8038096.39159982</c:v>
                </c:pt>
                <c:pt idx="577">
                  <c:v>-8142512.4319309397</c:v>
                </c:pt>
                <c:pt idx="578">
                  <c:v>-7856840.5044644102</c:v>
                </c:pt>
                <c:pt idx="579">
                  <c:v>-7836118.0570981102</c:v>
                </c:pt>
                <c:pt idx="580">
                  <c:v>-7930592.2677934803</c:v>
                </c:pt>
                <c:pt idx="581">
                  <c:v>-7938707.3056786899</c:v>
                </c:pt>
                <c:pt idx="582">
                  <c:v>-7954647.9199325303</c:v>
                </c:pt>
                <c:pt idx="583">
                  <c:v>-7890827.1584965596</c:v>
                </c:pt>
                <c:pt idx="584">
                  <c:v>-7888914.5810939297</c:v>
                </c:pt>
                <c:pt idx="585">
                  <c:v>-7887921.9096044702</c:v>
                </c:pt>
                <c:pt idx="586">
                  <c:v>-7952176.7023318699</c:v>
                </c:pt>
                <c:pt idx="587">
                  <c:v>-7852742.4058854198</c:v>
                </c:pt>
                <c:pt idx="588">
                  <c:v>-8095478.3968215799</c:v>
                </c:pt>
                <c:pt idx="589">
                  <c:v>-7969955.8916964401</c:v>
                </c:pt>
                <c:pt idx="590">
                  <c:v>-7935202.0347266402</c:v>
                </c:pt>
                <c:pt idx="591">
                  <c:v>-7928462.7238869099</c:v>
                </c:pt>
                <c:pt idx="592">
                  <c:v>-8022239.2434423901</c:v>
                </c:pt>
                <c:pt idx="593">
                  <c:v>-8054468.3410227299</c:v>
                </c:pt>
                <c:pt idx="594">
                  <c:v>-8053906.7437611297</c:v>
                </c:pt>
                <c:pt idx="595">
                  <c:v>-7986815.6694562603</c:v>
                </c:pt>
                <c:pt idx="596">
                  <c:v>-7967601.9726739796</c:v>
                </c:pt>
                <c:pt idx="597">
                  <c:v>-7965968.5284277704</c:v>
                </c:pt>
                <c:pt idx="598">
                  <c:v>-7968730.5464973198</c:v>
                </c:pt>
                <c:pt idx="599">
                  <c:v>-7967814.4050614499</c:v>
                </c:pt>
                <c:pt idx="600">
                  <c:v>-7887502.7900012303</c:v>
                </c:pt>
                <c:pt idx="601">
                  <c:v>-7945586.5335055301</c:v>
                </c:pt>
                <c:pt idx="602">
                  <c:v>-7924051.0464918502</c:v>
                </c:pt>
                <c:pt idx="603">
                  <c:v>-7946018.3959665699</c:v>
                </c:pt>
                <c:pt idx="604">
                  <c:v>-7913634.07738089</c:v>
                </c:pt>
                <c:pt idx="605">
                  <c:v>-7638908.87609162</c:v>
                </c:pt>
                <c:pt idx="606">
                  <c:v>-7640111.9958519703</c:v>
                </c:pt>
                <c:pt idx="607">
                  <c:v>-7664030.2277499698</c:v>
                </c:pt>
                <c:pt idx="608">
                  <c:v>-7889844.1726836096</c:v>
                </c:pt>
                <c:pt idx="609">
                  <c:v>-7822190.1553205997</c:v>
                </c:pt>
                <c:pt idx="610">
                  <c:v>-7816278.0850435002</c:v>
                </c:pt>
                <c:pt idx="611">
                  <c:v>-7795645.1562448796</c:v>
                </c:pt>
                <c:pt idx="612">
                  <c:v>-7759304.2980490299</c:v>
                </c:pt>
                <c:pt idx="613">
                  <c:v>-7771402.7512153704</c:v>
                </c:pt>
                <c:pt idx="614">
                  <c:v>-7793142.9018628001</c:v>
                </c:pt>
                <c:pt idx="615">
                  <c:v>-7798489.6616903404</c:v>
                </c:pt>
                <c:pt idx="616">
                  <c:v>-7781634.7678696597</c:v>
                </c:pt>
                <c:pt idx="617">
                  <c:v>-7698450.2788648801</c:v>
                </c:pt>
                <c:pt idx="618">
                  <c:v>-7766109.72640415</c:v>
                </c:pt>
                <c:pt idx="619">
                  <c:v>-7782836.8557809703</c:v>
                </c:pt>
                <c:pt idx="620">
                  <c:v>-7782881.6444985801</c:v>
                </c:pt>
                <c:pt idx="621">
                  <c:v>-7837073.1530161398</c:v>
                </c:pt>
                <c:pt idx="622">
                  <c:v>-8310807.5499905096</c:v>
                </c:pt>
                <c:pt idx="623">
                  <c:v>-8178311.4839099599</c:v>
                </c:pt>
                <c:pt idx="624">
                  <c:v>-7979994.5400116304</c:v>
                </c:pt>
                <c:pt idx="625">
                  <c:v>-7978850.1493920796</c:v>
                </c:pt>
                <c:pt idx="626">
                  <c:v>-8214180.6146855801</c:v>
                </c:pt>
                <c:pt idx="627">
                  <c:v>-8211878.2016636403</c:v>
                </c:pt>
                <c:pt idx="628">
                  <c:v>-8097924.0220061904</c:v>
                </c:pt>
                <c:pt idx="629">
                  <c:v>-8130058.2816462796</c:v>
                </c:pt>
                <c:pt idx="630">
                  <c:v>-8221354.43875835</c:v>
                </c:pt>
                <c:pt idx="631">
                  <c:v>-8173424.2397315996</c:v>
                </c:pt>
                <c:pt idx="632">
                  <c:v>-8184744.9159712503</c:v>
                </c:pt>
                <c:pt idx="633">
                  <c:v>-8014166.2565255202</c:v>
                </c:pt>
                <c:pt idx="634">
                  <c:v>-8016099.2643758999</c:v>
                </c:pt>
                <c:pt idx="635">
                  <c:v>-7936253.96820933</c:v>
                </c:pt>
                <c:pt idx="636">
                  <c:v>-7814675.5506797098</c:v>
                </c:pt>
                <c:pt idx="637">
                  <c:v>-7749604.8440595604</c:v>
                </c:pt>
                <c:pt idx="638">
                  <c:v>-7749604.8440595604</c:v>
                </c:pt>
                <c:pt idx="639">
                  <c:v>-7749604.8440595604</c:v>
                </c:pt>
                <c:pt idx="640">
                  <c:v>-7739243.0132003902</c:v>
                </c:pt>
                <c:pt idx="641">
                  <c:v>-7625726.5381444599</c:v>
                </c:pt>
                <c:pt idx="642">
                  <c:v>-7638677.99333164</c:v>
                </c:pt>
                <c:pt idx="643">
                  <c:v>-7661852.5556958197</c:v>
                </c:pt>
                <c:pt idx="644">
                  <c:v>-7659323.5894297697</c:v>
                </c:pt>
                <c:pt idx="645">
                  <c:v>-7680057.2585644796</c:v>
                </c:pt>
                <c:pt idx="646">
                  <c:v>-7574564.3335545203</c:v>
                </c:pt>
                <c:pt idx="647">
                  <c:v>-7587428.34872582</c:v>
                </c:pt>
                <c:pt idx="648">
                  <c:v>-7599514.9357056497</c:v>
                </c:pt>
                <c:pt idx="649">
                  <c:v>-7609169.6535118204</c:v>
                </c:pt>
                <c:pt idx="650">
                  <c:v>-7600190.1787736304</c:v>
                </c:pt>
                <c:pt idx="651">
                  <c:v>-7529665.9196213298</c:v>
                </c:pt>
                <c:pt idx="652">
                  <c:v>-7536422.1427820502</c:v>
                </c:pt>
                <c:pt idx="653">
                  <c:v>-7472652.0452769799</c:v>
                </c:pt>
                <c:pt idx="654">
                  <c:v>-7418901.2334411703</c:v>
                </c:pt>
                <c:pt idx="655">
                  <c:v>-7451297.7657332597</c:v>
                </c:pt>
                <c:pt idx="656">
                  <c:v>-7451435.8759807702</c:v>
                </c:pt>
                <c:pt idx="657">
                  <c:v>-7446232.65114481</c:v>
                </c:pt>
                <c:pt idx="658">
                  <c:v>-7508261.1177148698</c:v>
                </c:pt>
                <c:pt idx="659">
                  <c:v>-7456074.5243189801</c:v>
                </c:pt>
                <c:pt idx="660">
                  <c:v>-7487531.7603830798</c:v>
                </c:pt>
                <c:pt idx="661">
                  <c:v>-7490812.8704476599</c:v>
                </c:pt>
                <c:pt idx="662">
                  <c:v>-7488898.7636694601</c:v>
                </c:pt>
                <c:pt idx="663">
                  <c:v>-7487716.8605110096</c:v>
                </c:pt>
                <c:pt idx="664">
                  <c:v>-7517651.5286790496</c:v>
                </c:pt>
                <c:pt idx="665">
                  <c:v>-7542266.1855295599</c:v>
                </c:pt>
                <c:pt idx="666">
                  <c:v>-7502651.0035226997</c:v>
                </c:pt>
                <c:pt idx="667">
                  <c:v>-7506739.7321682898</c:v>
                </c:pt>
                <c:pt idx="668">
                  <c:v>-7549341.2425680105</c:v>
                </c:pt>
                <c:pt idx="669">
                  <c:v>-7550116.8773300899</c:v>
                </c:pt>
                <c:pt idx="670">
                  <c:v>-7558990.3365859799</c:v>
                </c:pt>
                <c:pt idx="671">
                  <c:v>-7556952.8234666996</c:v>
                </c:pt>
                <c:pt idx="672">
                  <c:v>-7430932.4975290801</c:v>
                </c:pt>
                <c:pt idx="673">
                  <c:v>-7427826.1600006204</c:v>
                </c:pt>
                <c:pt idx="674">
                  <c:v>-7444383.3889849801</c:v>
                </c:pt>
                <c:pt idx="675">
                  <c:v>-7453738.6214765804</c:v>
                </c:pt>
                <c:pt idx="676">
                  <c:v>-7632382.3132754602</c:v>
                </c:pt>
                <c:pt idx="677">
                  <c:v>-7708683.9851178396</c:v>
                </c:pt>
                <c:pt idx="678">
                  <c:v>-7710235.3693081597</c:v>
                </c:pt>
                <c:pt idx="679">
                  <c:v>-7699635.8966113403</c:v>
                </c:pt>
                <c:pt idx="680">
                  <c:v>-7893668.78611336</c:v>
                </c:pt>
                <c:pt idx="681">
                  <c:v>-7904524.0575329196</c:v>
                </c:pt>
                <c:pt idx="682">
                  <c:v>-7984485.6111091804</c:v>
                </c:pt>
                <c:pt idx="683">
                  <c:v>-8008658.3220897103</c:v>
                </c:pt>
                <c:pt idx="684">
                  <c:v>-8003563.4604116203</c:v>
                </c:pt>
                <c:pt idx="685">
                  <c:v>-7845654.4699259698</c:v>
                </c:pt>
                <c:pt idx="686">
                  <c:v>-7863461.6834421502</c:v>
                </c:pt>
                <c:pt idx="687">
                  <c:v>-7847588.6204883698</c:v>
                </c:pt>
                <c:pt idx="688">
                  <c:v>-7839084.5523107201</c:v>
                </c:pt>
                <c:pt idx="689">
                  <c:v>-7839321.3314142097</c:v>
                </c:pt>
                <c:pt idx="690">
                  <c:v>-7839547.9239404202</c:v>
                </c:pt>
                <c:pt idx="691">
                  <c:v>-8107708.7580312099</c:v>
                </c:pt>
                <c:pt idx="692">
                  <c:v>-8022789.8890555799</c:v>
                </c:pt>
                <c:pt idx="693">
                  <c:v>-8114819.4677144298</c:v>
                </c:pt>
                <c:pt idx="694">
                  <c:v>-8143313.2396544702</c:v>
                </c:pt>
                <c:pt idx="695">
                  <c:v>-8143313.2396544702</c:v>
                </c:pt>
                <c:pt idx="696">
                  <c:v>-8141957.7846238902</c:v>
                </c:pt>
                <c:pt idx="697">
                  <c:v>-8149567.9264671197</c:v>
                </c:pt>
                <c:pt idx="698">
                  <c:v>-8180263.4788289098</c:v>
                </c:pt>
                <c:pt idx="699">
                  <c:v>-8063229.5969772805</c:v>
                </c:pt>
                <c:pt idx="700">
                  <c:v>-8082916.1197587503</c:v>
                </c:pt>
                <c:pt idx="701">
                  <c:v>-8085688.57027735</c:v>
                </c:pt>
                <c:pt idx="702">
                  <c:v>-8091728.5895885499</c:v>
                </c:pt>
                <c:pt idx="703">
                  <c:v>-8093529.9603998503</c:v>
                </c:pt>
                <c:pt idx="704">
                  <c:v>-7861420.6938379304</c:v>
                </c:pt>
                <c:pt idx="705">
                  <c:v>-7856966.9063713802</c:v>
                </c:pt>
                <c:pt idx="706">
                  <c:v>-7879189.8428307604</c:v>
                </c:pt>
                <c:pt idx="707">
                  <c:v>-7867123.7136887303</c:v>
                </c:pt>
                <c:pt idx="708">
                  <c:v>-8061317.6552864704</c:v>
                </c:pt>
                <c:pt idx="709">
                  <c:v>-8065167.1577154696</c:v>
                </c:pt>
                <c:pt idx="710">
                  <c:v>-8033111.5135564599</c:v>
                </c:pt>
                <c:pt idx="711">
                  <c:v>-7840071.9259548001</c:v>
                </c:pt>
                <c:pt idx="712">
                  <c:v>-7834842.1413933802</c:v>
                </c:pt>
                <c:pt idx="713">
                  <c:v>-7881878.3587978603</c:v>
                </c:pt>
                <c:pt idx="714">
                  <c:v>-7885084.8516990803</c:v>
                </c:pt>
                <c:pt idx="715">
                  <c:v>-7820239.1082158498</c:v>
                </c:pt>
                <c:pt idx="716">
                  <c:v>-7820176.0072795497</c:v>
                </c:pt>
                <c:pt idx="717">
                  <c:v>-7824720.5780123305</c:v>
                </c:pt>
                <c:pt idx="718">
                  <c:v>-7826389.4564132597</c:v>
                </c:pt>
                <c:pt idx="719">
                  <c:v>-7974036.8929226296</c:v>
                </c:pt>
                <c:pt idx="720">
                  <c:v>-7976082.9969864497</c:v>
                </c:pt>
                <c:pt idx="721">
                  <c:v>-7974706.5657614702</c:v>
                </c:pt>
                <c:pt idx="722">
                  <c:v>-8224071.1002705796</c:v>
                </c:pt>
                <c:pt idx="723">
                  <c:v>-8093797.7243604399</c:v>
                </c:pt>
                <c:pt idx="724">
                  <c:v>-8096256.6335557597</c:v>
                </c:pt>
                <c:pt idx="725">
                  <c:v>-8037290.4207667103</c:v>
                </c:pt>
                <c:pt idx="726">
                  <c:v>-8044367.3775530402</c:v>
                </c:pt>
                <c:pt idx="727">
                  <c:v>-8045221.0567998895</c:v>
                </c:pt>
                <c:pt idx="728">
                  <c:v>-8013014.9214675399</c:v>
                </c:pt>
                <c:pt idx="729">
                  <c:v>-8011411.73225425</c:v>
                </c:pt>
                <c:pt idx="730">
                  <c:v>-8009446.6874246197</c:v>
                </c:pt>
                <c:pt idx="731">
                  <c:v>-8189290.9126438797</c:v>
                </c:pt>
                <c:pt idx="732">
                  <c:v>-8100742.8864975199</c:v>
                </c:pt>
                <c:pt idx="733">
                  <c:v>-8101617.8242740203</c:v>
                </c:pt>
                <c:pt idx="734">
                  <c:v>-8101903.6563233202</c:v>
                </c:pt>
                <c:pt idx="735">
                  <c:v>-8087770.4969557598</c:v>
                </c:pt>
                <c:pt idx="736">
                  <c:v>-8087865.8080676002</c:v>
                </c:pt>
                <c:pt idx="737">
                  <c:v>-8066521.4756072797</c:v>
                </c:pt>
                <c:pt idx="738">
                  <c:v>-8046378.9934908897</c:v>
                </c:pt>
                <c:pt idx="739">
                  <c:v>-8090009.8811785104</c:v>
                </c:pt>
                <c:pt idx="740">
                  <c:v>-8016895.1385546997</c:v>
                </c:pt>
                <c:pt idx="741">
                  <c:v>-8013954.7234337898</c:v>
                </c:pt>
                <c:pt idx="742">
                  <c:v>-8036199.9074098198</c:v>
                </c:pt>
                <c:pt idx="743">
                  <c:v>-7964303.6980087403</c:v>
                </c:pt>
                <c:pt idx="744">
                  <c:v>-8015760.9855931001</c:v>
                </c:pt>
                <c:pt idx="745">
                  <c:v>-8024686.6072447198</c:v>
                </c:pt>
                <c:pt idx="746">
                  <c:v>-7983047.0907044699</c:v>
                </c:pt>
                <c:pt idx="747">
                  <c:v>-7983282.1220592903</c:v>
                </c:pt>
                <c:pt idx="748">
                  <c:v>-8048961.2444657702</c:v>
                </c:pt>
                <c:pt idx="749">
                  <c:v>-8073646.5227446603</c:v>
                </c:pt>
                <c:pt idx="750">
                  <c:v>-8083944.9901087703</c:v>
                </c:pt>
                <c:pt idx="751">
                  <c:v>-8073500.9833202101</c:v>
                </c:pt>
                <c:pt idx="752">
                  <c:v>-8028173.1148861703</c:v>
                </c:pt>
                <c:pt idx="753">
                  <c:v>-8026403.7424792601</c:v>
                </c:pt>
                <c:pt idx="754">
                  <c:v>-7957664.59148065</c:v>
                </c:pt>
                <c:pt idx="755">
                  <c:v>-7953781.7059509801</c:v>
                </c:pt>
                <c:pt idx="756">
                  <c:v>-7952049.9667523904</c:v>
                </c:pt>
                <c:pt idx="757">
                  <c:v>-7966738.65084631</c:v>
                </c:pt>
                <c:pt idx="758">
                  <c:v>-8034534.6284115203</c:v>
                </c:pt>
                <c:pt idx="759">
                  <c:v>-8028210.0591799701</c:v>
                </c:pt>
                <c:pt idx="760">
                  <c:v>-8032090.81228262</c:v>
                </c:pt>
                <c:pt idx="761">
                  <c:v>-8049423.5272642104</c:v>
                </c:pt>
                <c:pt idx="762">
                  <c:v>-8066318.2361706402</c:v>
                </c:pt>
                <c:pt idx="763">
                  <c:v>-8081254.00141891</c:v>
                </c:pt>
                <c:pt idx="764">
                  <c:v>-8099605.09878782</c:v>
                </c:pt>
                <c:pt idx="765">
                  <c:v>-8011807.7492243303</c:v>
                </c:pt>
                <c:pt idx="766">
                  <c:v>-8009009.4939762298</c:v>
                </c:pt>
                <c:pt idx="767">
                  <c:v>-7993765.8167396104</c:v>
                </c:pt>
                <c:pt idx="768">
                  <c:v>-8005386.7575793304</c:v>
                </c:pt>
                <c:pt idx="769">
                  <c:v>-8027973.4179112697</c:v>
                </c:pt>
                <c:pt idx="770">
                  <c:v>-8016026.0530529097</c:v>
                </c:pt>
                <c:pt idx="771">
                  <c:v>-8012237.14404561</c:v>
                </c:pt>
                <c:pt idx="772">
                  <c:v>-7931610.8631208604</c:v>
                </c:pt>
                <c:pt idx="773">
                  <c:v>-7928338.6525678104</c:v>
                </c:pt>
                <c:pt idx="774">
                  <c:v>-7933654.3302595401</c:v>
                </c:pt>
                <c:pt idx="775">
                  <c:v>-7926163.7455229303</c:v>
                </c:pt>
                <c:pt idx="776">
                  <c:v>-7914338.5219799597</c:v>
                </c:pt>
                <c:pt idx="777">
                  <c:v>-8037285.4726202097</c:v>
                </c:pt>
                <c:pt idx="778">
                  <c:v>-7741058.4953782996</c:v>
                </c:pt>
                <c:pt idx="779">
                  <c:v>-7650143.0090717301</c:v>
                </c:pt>
                <c:pt idx="780">
                  <c:v>-7666930.8591613704</c:v>
                </c:pt>
                <c:pt idx="781">
                  <c:v>-7691394.3844416803</c:v>
                </c:pt>
                <c:pt idx="782">
                  <c:v>-7700953.2246425496</c:v>
                </c:pt>
                <c:pt idx="783">
                  <c:v>-7755803.2887211898</c:v>
                </c:pt>
                <c:pt idx="784">
                  <c:v>-7740891.0174858104</c:v>
                </c:pt>
                <c:pt idx="785">
                  <c:v>-7761246.6161668701</c:v>
                </c:pt>
                <c:pt idx="786">
                  <c:v>-7765274.2448472697</c:v>
                </c:pt>
                <c:pt idx="787">
                  <c:v>-7760185.9309441196</c:v>
                </c:pt>
                <c:pt idx="788">
                  <c:v>-7790468.0022214204</c:v>
                </c:pt>
                <c:pt idx="789">
                  <c:v>-7722257.6546055702</c:v>
                </c:pt>
                <c:pt idx="790">
                  <c:v>-7711193.1715495698</c:v>
                </c:pt>
                <c:pt idx="791">
                  <c:v>-7664507.2398257898</c:v>
                </c:pt>
                <c:pt idx="792">
                  <c:v>-7658301.1763621503</c:v>
                </c:pt>
                <c:pt idx="793">
                  <c:v>-7657330.2713548699</c:v>
                </c:pt>
                <c:pt idx="794">
                  <c:v>-7823955.6568001499</c:v>
                </c:pt>
                <c:pt idx="795">
                  <c:v>-7893950.8467723001</c:v>
                </c:pt>
                <c:pt idx="796">
                  <c:v>-7850878.9881059704</c:v>
                </c:pt>
                <c:pt idx="797">
                  <c:v>-7873998.8407379799</c:v>
                </c:pt>
                <c:pt idx="798">
                  <c:v>-7880346.0224649096</c:v>
                </c:pt>
                <c:pt idx="799">
                  <c:v>-7887920.9586953903</c:v>
                </c:pt>
                <c:pt idx="800">
                  <c:v>-7863766.7302951897</c:v>
                </c:pt>
                <c:pt idx="801">
                  <c:v>-7875816.5755923996</c:v>
                </c:pt>
                <c:pt idx="802">
                  <c:v>-7878329.6355896201</c:v>
                </c:pt>
                <c:pt idx="803">
                  <c:v>-7797455.9002089398</c:v>
                </c:pt>
                <c:pt idx="804">
                  <c:v>-7724536.8263478503</c:v>
                </c:pt>
                <c:pt idx="805">
                  <c:v>-7725555.8597363997</c:v>
                </c:pt>
                <c:pt idx="806">
                  <c:v>-7726379.0506513296</c:v>
                </c:pt>
                <c:pt idx="807">
                  <c:v>-7724992.9069212303</c:v>
                </c:pt>
                <c:pt idx="808">
                  <c:v>-7718020.1976207597</c:v>
                </c:pt>
                <c:pt idx="809">
                  <c:v>-7584515.2214504797</c:v>
                </c:pt>
                <c:pt idx="810">
                  <c:v>-7587247.3091195403</c:v>
                </c:pt>
                <c:pt idx="811">
                  <c:v>-7603382.22027665</c:v>
                </c:pt>
                <c:pt idx="812">
                  <c:v>-7550855.1439066101</c:v>
                </c:pt>
                <c:pt idx="813">
                  <c:v>-7561035.3237833297</c:v>
                </c:pt>
                <c:pt idx="814">
                  <c:v>-7593353.0059368098</c:v>
                </c:pt>
                <c:pt idx="815">
                  <c:v>-7596555.6116320603</c:v>
                </c:pt>
                <c:pt idx="816">
                  <c:v>-7707436.6781527903</c:v>
                </c:pt>
                <c:pt idx="817">
                  <c:v>-7622981.5089356201</c:v>
                </c:pt>
                <c:pt idx="818">
                  <c:v>-7591134.7220516801</c:v>
                </c:pt>
                <c:pt idx="819">
                  <c:v>-7611534.3551099496</c:v>
                </c:pt>
                <c:pt idx="820">
                  <c:v>-7638839.4041940803</c:v>
                </c:pt>
                <c:pt idx="821">
                  <c:v>-7522550.3012706097</c:v>
                </c:pt>
                <c:pt idx="822">
                  <c:v>-7523821.7074592896</c:v>
                </c:pt>
                <c:pt idx="823">
                  <c:v>-7505640.66191936</c:v>
                </c:pt>
                <c:pt idx="824">
                  <c:v>-7517436.3179798396</c:v>
                </c:pt>
                <c:pt idx="825">
                  <c:v>-7517360.7670310996</c:v>
                </c:pt>
                <c:pt idx="826">
                  <c:v>-7504928.5340849701</c:v>
                </c:pt>
                <c:pt idx="827">
                  <c:v>-8016654.0874456698</c:v>
                </c:pt>
                <c:pt idx="828">
                  <c:v>-8025065.4510571696</c:v>
                </c:pt>
                <c:pt idx="829">
                  <c:v>-7969342.0364027796</c:v>
                </c:pt>
                <c:pt idx="830">
                  <c:v>-7900167.2048277799</c:v>
                </c:pt>
                <c:pt idx="831">
                  <c:v>-7934290.42679164</c:v>
                </c:pt>
                <c:pt idx="832">
                  <c:v>-7983847.6394730797</c:v>
                </c:pt>
                <c:pt idx="833">
                  <c:v>-7984736.9704758702</c:v>
                </c:pt>
                <c:pt idx="834">
                  <c:v>-7984784.60435226</c:v>
                </c:pt>
                <c:pt idx="835">
                  <c:v>-7945009.5127040204</c:v>
                </c:pt>
                <c:pt idx="836">
                  <c:v>-7904912.6943490896</c:v>
                </c:pt>
                <c:pt idx="837">
                  <c:v>-7859058.1942544105</c:v>
                </c:pt>
                <c:pt idx="838">
                  <c:v>-7846473.1620251201</c:v>
                </c:pt>
                <c:pt idx="839">
                  <c:v>-7848266.4835208301</c:v>
                </c:pt>
                <c:pt idx="840">
                  <c:v>-7951757.4244731301</c:v>
                </c:pt>
                <c:pt idx="841">
                  <c:v>-8017399.8222070802</c:v>
                </c:pt>
                <c:pt idx="842">
                  <c:v>-7987257.7439379198</c:v>
                </c:pt>
                <c:pt idx="843">
                  <c:v>-7930461.2614035998</c:v>
                </c:pt>
                <c:pt idx="844">
                  <c:v>-7937085.8899325198</c:v>
                </c:pt>
                <c:pt idx="845">
                  <c:v>-7800598.69463511</c:v>
                </c:pt>
                <c:pt idx="846">
                  <c:v>-7921479.8979135603</c:v>
                </c:pt>
                <c:pt idx="847">
                  <c:v>-7641413.9000589699</c:v>
                </c:pt>
                <c:pt idx="848">
                  <c:v>-7635693.4457140202</c:v>
                </c:pt>
                <c:pt idx="849">
                  <c:v>-7626814.6030761898</c:v>
                </c:pt>
                <c:pt idx="850">
                  <c:v>-7620646.22332446</c:v>
                </c:pt>
                <c:pt idx="851">
                  <c:v>-7617651.6496222699</c:v>
                </c:pt>
                <c:pt idx="852">
                  <c:v>-7654941.1216915902</c:v>
                </c:pt>
                <c:pt idx="853">
                  <c:v>-7605291.7640947104</c:v>
                </c:pt>
                <c:pt idx="854">
                  <c:v>-7609042.7975702304</c:v>
                </c:pt>
                <c:pt idx="855">
                  <c:v>-7579606.3530472303</c:v>
                </c:pt>
                <c:pt idx="856">
                  <c:v>-7728437.9633037299</c:v>
                </c:pt>
                <c:pt idx="857">
                  <c:v>-7779705.0466336804</c:v>
                </c:pt>
                <c:pt idx="858">
                  <c:v>-7421995.2880112296</c:v>
                </c:pt>
                <c:pt idx="859">
                  <c:v>-7433626.3870382197</c:v>
                </c:pt>
                <c:pt idx="860">
                  <c:v>-7470761.3525211196</c:v>
                </c:pt>
                <c:pt idx="861">
                  <c:v>-7447360.3161423504</c:v>
                </c:pt>
                <c:pt idx="862">
                  <c:v>-7470166.4663353097</c:v>
                </c:pt>
                <c:pt idx="863">
                  <c:v>-7465717.6948881997</c:v>
                </c:pt>
                <c:pt idx="864">
                  <c:v>-7460542.2000538297</c:v>
                </c:pt>
                <c:pt idx="865">
                  <c:v>-7463817.4013509499</c:v>
                </c:pt>
                <c:pt idx="866">
                  <c:v>-7463817.4013509499</c:v>
                </c:pt>
                <c:pt idx="867">
                  <c:v>-7481147.7657147702</c:v>
                </c:pt>
                <c:pt idx="868">
                  <c:v>-7493471.6430825898</c:v>
                </c:pt>
                <c:pt idx="869">
                  <c:v>-7497902.89724526</c:v>
                </c:pt>
                <c:pt idx="870">
                  <c:v>-7502931.8721112097</c:v>
                </c:pt>
                <c:pt idx="871">
                  <c:v>-7519439.4599880697</c:v>
                </c:pt>
                <c:pt idx="872">
                  <c:v>-7530144.6103943102</c:v>
                </c:pt>
                <c:pt idx="873">
                  <c:v>-7540918.2184041897</c:v>
                </c:pt>
                <c:pt idx="874">
                  <c:v>-7544425.7709387001</c:v>
                </c:pt>
                <c:pt idx="875">
                  <c:v>-7544453.9696758604</c:v>
                </c:pt>
                <c:pt idx="876">
                  <c:v>-7850112.93670638</c:v>
                </c:pt>
                <c:pt idx="877">
                  <c:v>-8008154.0403184704</c:v>
                </c:pt>
                <c:pt idx="878">
                  <c:v>-7964589.3839534502</c:v>
                </c:pt>
                <c:pt idx="879">
                  <c:v>-7966435.7930705296</c:v>
                </c:pt>
                <c:pt idx="880">
                  <c:v>-7879661.9189872602</c:v>
                </c:pt>
                <c:pt idx="881">
                  <c:v>-7999314.3564656498</c:v>
                </c:pt>
                <c:pt idx="882">
                  <c:v>-7958069.1413910603</c:v>
                </c:pt>
                <c:pt idx="883">
                  <c:v>-7824774.9780317703</c:v>
                </c:pt>
                <c:pt idx="884">
                  <c:v>-7834136.5127780903</c:v>
                </c:pt>
                <c:pt idx="885">
                  <c:v>-7828046.31322701</c:v>
                </c:pt>
                <c:pt idx="886">
                  <c:v>-7872422.7495712703</c:v>
                </c:pt>
                <c:pt idx="887">
                  <c:v>-7805122.9719930002</c:v>
                </c:pt>
                <c:pt idx="888">
                  <c:v>-7630300.3896549596</c:v>
                </c:pt>
                <c:pt idx="889">
                  <c:v>-7824496.6063775402</c:v>
                </c:pt>
                <c:pt idx="890">
                  <c:v>-7831742.1499507204</c:v>
                </c:pt>
                <c:pt idx="891">
                  <c:v>-8010815.3317424497</c:v>
                </c:pt>
                <c:pt idx="892">
                  <c:v>-7733374.3200129298</c:v>
                </c:pt>
                <c:pt idx="893">
                  <c:v>-7709313.2330672797</c:v>
                </c:pt>
                <c:pt idx="894">
                  <c:v>-7742568.7706007697</c:v>
                </c:pt>
                <c:pt idx="895">
                  <c:v>-7790223.3858608399</c:v>
                </c:pt>
                <c:pt idx="896">
                  <c:v>-7790667.4831585204</c:v>
                </c:pt>
                <c:pt idx="897">
                  <c:v>-7804728.3822887</c:v>
                </c:pt>
                <c:pt idx="898">
                  <c:v>-7821190.0261033801</c:v>
                </c:pt>
                <c:pt idx="899">
                  <c:v>-7892080.1373433797</c:v>
                </c:pt>
                <c:pt idx="900">
                  <c:v>-7866125.8713587997</c:v>
                </c:pt>
                <c:pt idx="901">
                  <c:v>-7838572.37398504</c:v>
                </c:pt>
                <c:pt idx="902">
                  <c:v>-7845838.4628043501</c:v>
                </c:pt>
                <c:pt idx="903">
                  <c:v>-7783133.2721177498</c:v>
                </c:pt>
                <c:pt idx="904">
                  <c:v>-7782118.2957225703</c:v>
                </c:pt>
                <c:pt idx="905">
                  <c:v>-7730021.7296696696</c:v>
                </c:pt>
                <c:pt idx="906">
                  <c:v>-7809408.68451571</c:v>
                </c:pt>
                <c:pt idx="907">
                  <c:v>-7808201.0964321103</c:v>
                </c:pt>
                <c:pt idx="908">
                  <c:v>-7797271.7882844303</c:v>
                </c:pt>
                <c:pt idx="909">
                  <c:v>-7777029.4077362604</c:v>
                </c:pt>
                <c:pt idx="910">
                  <c:v>-8061916.2634090101</c:v>
                </c:pt>
                <c:pt idx="911">
                  <c:v>-7914062.83522195</c:v>
                </c:pt>
                <c:pt idx="912">
                  <c:v>-7894296.4094545497</c:v>
                </c:pt>
                <c:pt idx="913">
                  <c:v>-7926255.90457932</c:v>
                </c:pt>
                <c:pt idx="914">
                  <c:v>-7882000.7642023303</c:v>
                </c:pt>
                <c:pt idx="915">
                  <c:v>-7822796.1809499599</c:v>
                </c:pt>
                <c:pt idx="916">
                  <c:v>-7822625.1272336002</c:v>
                </c:pt>
                <c:pt idx="917">
                  <c:v>-7819287.8310227096</c:v>
                </c:pt>
                <c:pt idx="918">
                  <c:v>-7784457.4734294601</c:v>
                </c:pt>
                <c:pt idx="919">
                  <c:v>-7745782.3604027098</c:v>
                </c:pt>
                <c:pt idx="920">
                  <c:v>-7747069.2431977699</c:v>
                </c:pt>
                <c:pt idx="921">
                  <c:v>-7749475.0902763996</c:v>
                </c:pt>
                <c:pt idx="922">
                  <c:v>-7747482.98235262</c:v>
                </c:pt>
                <c:pt idx="923">
                  <c:v>-7782569.0199382799</c:v>
                </c:pt>
                <c:pt idx="924">
                  <c:v>-7753695.2753807902</c:v>
                </c:pt>
                <c:pt idx="925">
                  <c:v>-7739106.6292573204</c:v>
                </c:pt>
                <c:pt idx="926">
                  <c:v>-7779188.5985102598</c:v>
                </c:pt>
                <c:pt idx="927">
                  <c:v>-7721825.9980242196</c:v>
                </c:pt>
                <c:pt idx="928">
                  <c:v>-7726878.4405658897</c:v>
                </c:pt>
                <c:pt idx="929">
                  <c:v>-7763682.7364916801</c:v>
                </c:pt>
                <c:pt idx="930">
                  <c:v>-7750065.6548480997</c:v>
                </c:pt>
                <c:pt idx="931">
                  <c:v>-7789046.1085452996</c:v>
                </c:pt>
                <c:pt idx="932">
                  <c:v>-7790481.89063852</c:v>
                </c:pt>
                <c:pt idx="933">
                  <c:v>-7619957.3131063702</c:v>
                </c:pt>
                <c:pt idx="934">
                  <c:v>-7837830.63649284</c:v>
                </c:pt>
                <c:pt idx="935">
                  <c:v>-7872453.8840358704</c:v>
                </c:pt>
                <c:pt idx="936">
                  <c:v>-7895115.78511687</c:v>
                </c:pt>
                <c:pt idx="937">
                  <c:v>-7873022.8673654301</c:v>
                </c:pt>
                <c:pt idx="938">
                  <c:v>-7876194.5544784004</c:v>
                </c:pt>
                <c:pt idx="939">
                  <c:v>-7904291.7065971699</c:v>
                </c:pt>
                <c:pt idx="940">
                  <c:v>-7908628.6082153097</c:v>
                </c:pt>
                <c:pt idx="941">
                  <c:v>-7936248.0501738498</c:v>
                </c:pt>
                <c:pt idx="942">
                  <c:v>-7936585.4566362603</c:v>
                </c:pt>
                <c:pt idx="943">
                  <c:v>-7920957.8606210304</c:v>
                </c:pt>
                <c:pt idx="944">
                  <c:v>-7829368.6158444202</c:v>
                </c:pt>
                <c:pt idx="945">
                  <c:v>-7830335.0204497101</c:v>
                </c:pt>
                <c:pt idx="946">
                  <c:v>-7783042.2028025296</c:v>
                </c:pt>
                <c:pt idx="947">
                  <c:v>-7688367.49239014</c:v>
                </c:pt>
                <c:pt idx="948">
                  <c:v>-7689505.0897681499</c:v>
                </c:pt>
                <c:pt idx="949">
                  <c:v>-7683083.4447812997</c:v>
                </c:pt>
                <c:pt idx="950">
                  <c:v>-7684208.4768296704</c:v>
                </c:pt>
                <c:pt idx="951">
                  <c:v>-7669383.3103318196</c:v>
                </c:pt>
                <c:pt idx="952">
                  <c:v>-7672820.1911380403</c:v>
                </c:pt>
                <c:pt idx="953">
                  <c:v>-7673422.7919691196</c:v>
                </c:pt>
                <c:pt idx="954">
                  <c:v>-7646411.2625980098</c:v>
                </c:pt>
                <c:pt idx="955">
                  <c:v>-7683673.0435037296</c:v>
                </c:pt>
                <c:pt idx="956">
                  <c:v>-7677364.3629908804</c:v>
                </c:pt>
                <c:pt idx="957">
                  <c:v>-7685600.0616790401</c:v>
                </c:pt>
                <c:pt idx="958">
                  <c:v>-7699816.86943979</c:v>
                </c:pt>
                <c:pt idx="959">
                  <c:v>-7723171.06535153</c:v>
                </c:pt>
                <c:pt idx="960">
                  <c:v>-7714631.3895119596</c:v>
                </c:pt>
                <c:pt idx="961">
                  <c:v>-7716283.4783134097</c:v>
                </c:pt>
                <c:pt idx="962">
                  <c:v>-7893340.64736214</c:v>
                </c:pt>
                <c:pt idx="963">
                  <c:v>-7906028.4257559199</c:v>
                </c:pt>
                <c:pt idx="964">
                  <c:v>-7743599.0195931597</c:v>
                </c:pt>
                <c:pt idx="965">
                  <c:v>-7708338.4781620996</c:v>
                </c:pt>
                <c:pt idx="966">
                  <c:v>-7698612.1345406398</c:v>
                </c:pt>
                <c:pt idx="967">
                  <c:v>-7690592.2199263498</c:v>
                </c:pt>
                <c:pt idx="968">
                  <c:v>-7690224.9666199898</c:v>
                </c:pt>
                <c:pt idx="969">
                  <c:v>-7679867.8686420796</c:v>
                </c:pt>
                <c:pt idx="970">
                  <c:v>-7660759.1859945096</c:v>
                </c:pt>
                <c:pt idx="971">
                  <c:v>-7633674.5369823501</c:v>
                </c:pt>
                <c:pt idx="972">
                  <c:v>-7678675.1359841302</c:v>
                </c:pt>
                <c:pt idx="973">
                  <c:v>-7656863.8014266295</c:v>
                </c:pt>
                <c:pt idx="974">
                  <c:v>-7665042.2686189897</c:v>
                </c:pt>
                <c:pt idx="975">
                  <c:v>-7687552.5278643398</c:v>
                </c:pt>
                <c:pt idx="976">
                  <c:v>-7852689.2914676499</c:v>
                </c:pt>
                <c:pt idx="977">
                  <c:v>-7855324.9510216899</c:v>
                </c:pt>
                <c:pt idx="978">
                  <c:v>-7864135.9117721803</c:v>
                </c:pt>
                <c:pt idx="979">
                  <c:v>-7859444.6414120998</c:v>
                </c:pt>
                <c:pt idx="980">
                  <c:v>-7913068.4800450904</c:v>
                </c:pt>
                <c:pt idx="981">
                  <c:v>-7906977.84028346</c:v>
                </c:pt>
                <c:pt idx="982">
                  <c:v>-7689063.8056305796</c:v>
                </c:pt>
                <c:pt idx="983">
                  <c:v>-7867501.4033653401</c:v>
                </c:pt>
                <c:pt idx="984">
                  <c:v>-7774668.3446318097</c:v>
                </c:pt>
                <c:pt idx="985">
                  <c:v>-7776428.5344238197</c:v>
                </c:pt>
                <c:pt idx="986">
                  <c:v>-7795048.3477162896</c:v>
                </c:pt>
                <c:pt idx="987">
                  <c:v>-7802961.6647304902</c:v>
                </c:pt>
                <c:pt idx="988">
                  <c:v>-7802917.4785567801</c:v>
                </c:pt>
                <c:pt idx="989">
                  <c:v>-7797504.1343689403</c:v>
                </c:pt>
                <c:pt idx="990">
                  <c:v>-7773700.8614578899</c:v>
                </c:pt>
                <c:pt idx="991">
                  <c:v>-7768780.1076775296</c:v>
                </c:pt>
                <c:pt idx="992">
                  <c:v>-7797536.9001615299</c:v>
                </c:pt>
                <c:pt idx="993">
                  <c:v>-7762932.1931149997</c:v>
                </c:pt>
                <c:pt idx="994">
                  <c:v>-7767385.1088474402</c:v>
                </c:pt>
                <c:pt idx="995">
                  <c:v>-7765556.6590486104</c:v>
                </c:pt>
                <c:pt idx="996">
                  <c:v>-7777436.1251595002</c:v>
                </c:pt>
                <c:pt idx="997">
                  <c:v>-7735115.5446462398</c:v>
                </c:pt>
                <c:pt idx="998">
                  <c:v>-7667045.0208704798</c:v>
                </c:pt>
                <c:pt idx="999">
                  <c:v>-7666922.7425225396</c:v>
                </c:pt>
                <c:pt idx="1000">
                  <c:v>-7625842.8876946</c:v>
                </c:pt>
                <c:pt idx="1001">
                  <c:v>-7599686.9599722195</c:v>
                </c:pt>
                <c:pt idx="1002">
                  <c:v>-7558609.5716623999</c:v>
                </c:pt>
                <c:pt idx="1003">
                  <c:v>-7539247.1701123295</c:v>
                </c:pt>
                <c:pt idx="1004">
                  <c:v>-7536056.8440143997</c:v>
                </c:pt>
                <c:pt idx="1005">
                  <c:v>-7511694.7125404896</c:v>
                </c:pt>
                <c:pt idx="1006">
                  <c:v>-7508311.7275722697</c:v>
                </c:pt>
                <c:pt idx="1007">
                  <c:v>-7456585.6500192797</c:v>
                </c:pt>
                <c:pt idx="1008">
                  <c:v>-7430724.6983947102</c:v>
                </c:pt>
                <c:pt idx="1009">
                  <c:v>-7530997.2120059105</c:v>
                </c:pt>
                <c:pt idx="1010">
                  <c:v>-7517908.8046973702</c:v>
                </c:pt>
                <c:pt idx="1011">
                  <c:v>-7525588.9773064703</c:v>
                </c:pt>
                <c:pt idx="1012">
                  <c:v>-7515866.34902055</c:v>
                </c:pt>
                <c:pt idx="1013">
                  <c:v>-7442082.7730639996</c:v>
                </c:pt>
                <c:pt idx="1014">
                  <c:v>-7441251.92343642</c:v>
                </c:pt>
                <c:pt idx="1015">
                  <c:v>-7790017.6575156096</c:v>
                </c:pt>
                <c:pt idx="1016">
                  <c:v>-7788157.8178144302</c:v>
                </c:pt>
                <c:pt idx="1017">
                  <c:v>-7400740.8828214398</c:v>
                </c:pt>
                <c:pt idx="1018">
                  <c:v>-7429369.86734193</c:v>
                </c:pt>
                <c:pt idx="1019">
                  <c:v>-7420648.9548227601</c:v>
                </c:pt>
                <c:pt idx="1020">
                  <c:v>-7418940.0684165703</c:v>
                </c:pt>
                <c:pt idx="1021">
                  <c:v>-7400709.08110929</c:v>
                </c:pt>
                <c:pt idx="1022">
                  <c:v>-7481381.4751944197</c:v>
                </c:pt>
                <c:pt idx="1023">
                  <c:v>-7486483.8158749798</c:v>
                </c:pt>
                <c:pt idx="1024">
                  <c:v>-7484982.9368272498</c:v>
                </c:pt>
                <c:pt idx="1025">
                  <c:v>-7491094.9221181804</c:v>
                </c:pt>
                <c:pt idx="1026">
                  <c:v>-7508574.4336590199</c:v>
                </c:pt>
                <c:pt idx="1027">
                  <c:v>-7814150.8882941501</c:v>
                </c:pt>
                <c:pt idx="1028">
                  <c:v>-7828835.87085931</c:v>
                </c:pt>
                <c:pt idx="1029">
                  <c:v>-7819142.77022376</c:v>
                </c:pt>
                <c:pt idx="1030">
                  <c:v>-7767060.7757958397</c:v>
                </c:pt>
                <c:pt idx="1031">
                  <c:v>-7901126.4038982103</c:v>
                </c:pt>
                <c:pt idx="1032">
                  <c:v>-7830947.6804044703</c:v>
                </c:pt>
                <c:pt idx="1033">
                  <c:v>-7768708.2760456596</c:v>
                </c:pt>
                <c:pt idx="1034">
                  <c:v>-7760339.3096143901</c:v>
                </c:pt>
                <c:pt idx="1035">
                  <c:v>-7764189.1719524898</c:v>
                </c:pt>
                <c:pt idx="1036">
                  <c:v>-7765889.0479418896</c:v>
                </c:pt>
                <c:pt idx="1037">
                  <c:v>-7812933.3410357703</c:v>
                </c:pt>
                <c:pt idx="1038">
                  <c:v>-7787156.8963488499</c:v>
                </c:pt>
                <c:pt idx="1039">
                  <c:v>-7748182.7342215301</c:v>
                </c:pt>
                <c:pt idx="1040">
                  <c:v>-7772062.3293315899</c:v>
                </c:pt>
                <c:pt idx="1041">
                  <c:v>-7632097.9264735598</c:v>
                </c:pt>
                <c:pt idx="1042">
                  <c:v>-7719556.3187957397</c:v>
                </c:pt>
                <c:pt idx="1043">
                  <c:v>-7713957.3455602499</c:v>
                </c:pt>
                <c:pt idx="1044">
                  <c:v>-7687648.10193389</c:v>
                </c:pt>
                <c:pt idx="1045">
                  <c:v>-7685860.3830896402</c:v>
                </c:pt>
                <c:pt idx="1046">
                  <c:v>-7712239.9606083203</c:v>
                </c:pt>
                <c:pt idx="1047">
                  <c:v>-7712239.9606083203</c:v>
                </c:pt>
                <c:pt idx="1048">
                  <c:v>-7722233.0248930203</c:v>
                </c:pt>
                <c:pt idx="1049">
                  <c:v>-7711134.7539710803</c:v>
                </c:pt>
                <c:pt idx="1050">
                  <c:v>-7733410.3274718402</c:v>
                </c:pt>
                <c:pt idx="1051">
                  <c:v>-7750258.1547252201</c:v>
                </c:pt>
                <c:pt idx="1052">
                  <c:v>-7753590.0082498202</c:v>
                </c:pt>
                <c:pt idx="1053">
                  <c:v>-7750714.4508250197</c:v>
                </c:pt>
                <c:pt idx="1054">
                  <c:v>-7740161.1416064603</c:v>
                </c:pt>
                <c:pt idx="1055">
                  <c:v>-7743611.8988961596</c:v>
                </c:pt>
                <c:pt idx="1056">
                  <c:v>-7703661.3605659297</c:v>
                </c:pt>
                <c:pt idx="1057">
                  <c:v>-7804386.8796345703</c:v>
                </c:pt>
                <c:pt idx="1058">
                  <c:v>-7743371.0780466003</c:v>
                </c:pt>
                <c:pt idx="1059">
                  <c:v>-7747078.0025327299</c:v>
                </c:pt>
                <c:pt idx="1060">
                  <c:v>-7531675.1931175804</c:v>
                </c:pt>
                <c:pt idx="1061">
                  <c:v>-7533986.2507843198</c:v>
                </c:pt>
                <c:pt idx="1062">
                  <c:v>-7515325.9954659501</c:v>
                </c:pt>
                <c:pt idx="1063">
                  <c:v>-7500869.06514032</c:v>
                </c:pt>
                <c:pt idx="1064">
                  <c:v>-7505883.8858273597</c:v>
                </c:pt>
                <c:pt idx="1065">
                  <c:v>-7726336.9559757197</c:v>
                </c:pt>
                <c:pt idx="1066">
                  <c:v>-7693518.0149266301</c:v>
                </c:pt>
                <c:pt idx="1067">
                  <c:v>-7639656.5081705796</c:v>
                </c:pt>
                <c:pt idx="1068">
                  <c:v>-7614568.2218756601</c:v>
                </c:pt>
                <c:pt idx="1069">
                  <c:v>-7626463.4765154496</c:v>
                </c:pt>
                <c:pt idx="1070">
                  <c:v>-7606462.0431812899</c:v>
                </c:pt>
                <c:pt idx="1071">
                  <c:v>-7628495.5698935203</c:v>
                </c:pt>
                <c:pt idx="1072">
                  <c:v>-7679927.9158208603</c:v>
                </c:pt>
                <c:pt idx="1073">
                  <c:v>-7575369.35004446</c:v>
                </c:pt>
                <c:pt idx="1074">
                  <c:v>-7579808.0347688803</c:v>
                </c:pt>
                <c:pt idx="1075">
                  <c:v>-7574012.5792544801</c:v>
                </c:pt>
                <c:pt idx="1076">
                  <c:v>-7472102.2369650099</c:v>
                </c:pt>
                <c:pt idx="1077">
                  <c:v>-7474766.8497597398</c:v>
                </c:pt>
                <c:pt idx="1078">
                  <c:v>-7475277.8337803297</c:v>
                </c:pt>
                <c:pt idx="1079">
                  <c:v>-7515390.0487959599</c:v>
                </c:pt>
                <c:pt idx="1080">
                  <c:v>-7450864.9203443797</c:v>
                </c:pt>
                <c:pt idx="1081">
                  <c:v>-7421226.1147483103</c:v>
                </c:pt>
                <c:pt idx="1082">
                  <c:v>-7415382.3518935395</c:v>
                </c:pt>
                <c:pt idx="1083">
                  <c:v>-7574974.4844473498</c:v>
                </c:pt>
                <c:pt idx="1084">
                  <c:v>-7571000.15777962</c:v>
                </c:pt>
                <c:pt idx="1085">
                  <c:v>-7560093.0569642596</c:v>
                </c:pt>
                <c:pt idx="1086">
                  <c:v>-7559664.1784945503</c:v>
                </c:pt>
                <c:pt idx="1087">
                  <c:v>-7454067.4912832901</c:v>
                </c:pt>
                <c:pt idx="1088">
                  <c:v>-7533591.2973057898</c:v>
                </c:pt>
                <c:pt idx="1089">
                  <c:v>-7535477.9760718904</c:v>
                </c:pt>
                <c:pt idx="1090">
                  <c:v>-7537675.4929429898</c:v>
                </c:pt>
                <c:pt idx="1091">
                  <c:v>-7547234.9100919301</c:v>
                </c:pt>
                <c:pt idx="1092">
                  <c:v>-7546360.4940119199</c:v>
                </c:pt>
                <c:pt idx="1093">
                  <c:v>-7548166.7145337099</c:v>
                </c:pt>
                <c:pt idx="1094">
                  <c:v>-7557994.5069568502</c:v>
                </c:pt>
                <c:pt idx="1095">
                  <c:v>-7552870.0762633896</c:v>
                </c:pt>
                <c:pt idx="1096">
                  <c:v>-7515777.4708741801</c:v>
                </c:pt>
                <c:pt idx="1097">
                  <c:v>-7503038.1630651802</c:v>
                </c:pt>
                <c:pt idx="1098">
                  <c:v>-7516775.0554623399</c:v>
                </c:pt>
                <c:pt idx="1099">
                  <c:v>-7506622.5527023701</c:v>
                </c:pt>
                <c:pt idx="1100">
                  <c:v>-7425733.5555512803</c:v>
                </c:pt>
                <c:pt idx="1101">
                  <c:v>-7437995.5883117402</c:v>
                </c:pt>
                <c:pt idx="1102">
                  <c:v>-7438015.9742371198</c:v>
                </c:pt>
                <c:pt idx="1103">
                  <c:v>-7474930.1430275496</c:v>
                </c:pt>
                <c:pt idx="1104">
                  <c:v>-7539342.7935898397</c:v>
                </c:pt>
                <c:pt idx="1105">
                  <c:v>-7629198.3182870699</c:v>
                </c:pt>
                <c:pt idx="1106">
                  <c:v>-7633054.7689150302</c:v>
                </c:pt>
                <c:pt idx="1107">
                  <c:v>-7705505.8277183399</c:v>
                </c:pt>
                <c:pt idx="1108">
                  <c:v>-7696235.4133628802</c:v>
                </c:pt>
                <c:pt idx="1109">
                  <c:v>-7695003.7251758501</c:v>
                </c:pt>
                <c:pt idx="1110">
                  <c:v>-7667534.1487887604</c:v>
                </c:pt>
                <c:pt idx="1111">
                  <c:v>-7675182.7152407002</c:v>
                </c:pt>
                <c:pt idx="1112">
                  <c:v>-7663425.7912494</c:v>
                </c:pt>
                <c:pt idx="1113">
                  <c:v>-7676011.6140989196</c:v>
                </c:pt>
                <c:pt idx="1114">
                  <c:v>-7727367.1856170697</c:v>
                </c:pt>
                <c:pt idx="1115">
                  <c:v>-7729647.4679687796</c:v>
                </c:pt>
                <c:pt idx="1116">
                  <c:v>-7737387.5536007602</c:v>
                </c:pt>
                <c:pt idx="1117">
                  <c:v>-7682832.3390518203</c:v>
                </c:pt>
                <c:pt idx="1118">
                  <c:v>-7699575.71243726</c:v>
                </c:pt>
                <c:pt idx="1119">
                  <c:v>-7742861.7971622702</c:v>
                </c:pt>
                <c:pt idx="1120">
                  <c:v>-7672341.8503640098</c:v>
                </c:pt>
                <c:pt idx="1121">
                  <c:v>-7671842.1889096797</c:v>
                </c:pt>
                <c:pt idx="1122">
                  <c:v>-7714771.3710205397</c:v>
                </c:pt>
                <c:pt idx="1123">
                  <c:v>-7703744.8028805302</c:v>
                </c:pt>
                <c:pt idx="1124">
                  <c:v>-7832088.9447321296</c:v>
                </c:pt>
                <c:pt idx="1125">
                  <c:v>-7768978.2233236097</c:v>
                </c:pt>
                <c:pt idx="1126">
                  <c:v>-7773868.6173820104</c:v>
                </c:pt>
                <c:pt idx="1127">
                  <c:v>-7741646.6689602304</c:v>
                </c:pt>
                <c:pt idx="1128">
                  <c:v>-7749475.32652226</c:v>
                </c:pt>
                <c:pt idx="1129">
                  <c:v>-7825185.5276276898</c:v>
                </c:pt>
                <c:pt idx="1130">
                  <c:v>-7865147.0314301802</c:v>
                </c:pt>
                <c:pt idx="1131">
                  <c:v>-7855831.4912756803</c:v>
                </c:pt>
                <c:pt idx="1132">
                  <c:v>-7852478.5312092304</c:v>
                </c:pt>
                <c:pt idx="1133">
                  <c:v>-7896580.9985481603</c:v>
                </c:pt>
                <c:pt idx="1134">
                  <c:v>-7738236.3112345003</c:v>
                </c:pt>
                <c:pt idx="1135">
                  <c:v>-7727171.3347047102</c:v>
                </c:pt>
                <c:pt idx="1136">
                  <c:v>-7711384.34489391</c:v>
                </c:pt>
                <c:pt idx="1137">
                  <c:v>-7710492.0323692895</c:v>
                </c:pt>
                <c:pt idx="1138">
                  <c:v>-7719388.3303922797</c:v>
                </c:pt>
                <c:pt idx="1139">
                  <c:v>-7723956.9201666899</c:v>
                </c:pt>
                <c:pt idx="1140">
                  <c:v>-7706324.6936831204</c:v>
                </c:pt>
                <c:pt idx="1141">
                  <c:v>-7709399.7710177395</c:v>
                </c:pt>
                <c:pt idx="1142">
                  <c:v>-7710109.54384722</c:v>
                </c:pt>
                <c:pt idx="1143">
                  <c:v>-7668291.6782874502</c:v>
                </c:pt>
                <c:pt idx="1144">
                  <c:v>-7668361.7816186398</c:v>
                </c:pt>
                <c:pt idx="1145">
                  <c:v>-7669947.9368395796</c:v>
                </c:pt>
                <c:pt idx="1146">
                  <c:v>-7695978.3327205097</c:v>
                </c:pt>
                <c:pt idx="1147">
                  <c:v>-7744770.9264238495</c:v>
                </c:pt>
                <c:pt idx="1148">
                  <c:v>-7692289.0324484697</c:v>
                </c:pt>
                <c:pt idx="1149">
                  <c:v>-7687877.1142542996</c:v>
                </c:pt>
                <c:pt idx="1150">
                  <c:v>-7736807.3565767398</c:v>
                </c:pt>
                <c:pt idx="1151">
                  <c:v>-7750268.0827574804</c:v>
                </c:pt>
                <c:pt idx="1152">
                  <c:v>-7735603.7358020404</c:v>
                </c:pt>
                <c:pt idx="1153">
                  <c:v>-7720360.4678681502</c:v>
                </c:pt>
                <c:pt idx="1154">
                  <c:v>-7709438.6542717796</c:v>
                </c:pt>
                <c:pt idx="1155">
                  <c:v>-7723098.1400362104</c:v>
                </c:pt>
                <c:pt idx="1156">
                  <c:v>-7788071.2917323504</c:v>
                </c:pt>
                <c:pt idx="1157">
                  <c:v>-7772046.8729831399</c:v>
                </c:pt>
                <c:pt idx="1158">
                  <c:v>-7675013.3465801198</c:v>
                </c:pt>
                <c:pt idx="1159">
                  <c:v>-7712620.6183693903</c:v>
                </c:pt>
                <c:pt idx="1160">
                  <c:v>-7703722.68020132</c:v>
                </c:pt>
                <c:pt idx="1161">
                  <c:v>-7696051.3388289297</c:v>
                </c:pt>
                <c:pt idx="1162">
                  <c:v>-7688320.7954282602</c:v>
                </c:pt>
                <c:pt idx="1163">
                  <c:v>-7722417.7186637502</c:v>
                </c:pt>
                <c:pt idx="1164">
                  <c:v>-7723907.5511078397</c:v>
                </c:pt>
                <c:pt idx="1165">
                  <c:v>-7817268.6394051602</c:v>
                </c:pt>
                <c:pt idx="1166">
                  <c:v>-7773124.7194789099</c:v>
                </c:pt>
                <c:pt idx="1167">
                  <c:v>-7808493.6367592299</c:v>
                </c:pt>
                <c:pt idx="1168">
                  <c:v>-7828971.9768870799</c:v>
                </c:pt>
                <c:pt idx="1169">
                  <c:v>-7740122.3247558</c:v>
                </c:pt>
                <c:pt idx="1170">
                  <c:v>-7749926.9648201298</c:v>
                </c:pt>
                <c:pt idx="1171">
                  <c:v>-7758064.4121743804</c:v>
                </c:pt>
                <c:pt idx="1172">
                  <c:v>-7783432.8532968201</c:v>
                </c:pt>
                <c:pt idx="1173">
                  <c:v>-7803747.4838469597</c:v>
                </c:pt>
                <c:pt idx="1174">
                  <c:v>-7750903.9908968797</c:v>
                </c:pt>
                <c:pt idx="1175">
                  <c:v>-7763644.4899046598</c:v>
                </c:pt>
                <c:pt idx="1176">
                  <c:v>-7702666.73962788</c:v>
                </c:pt>
                <c:pt idx="1177">
                  <c:v>-7716359.3497001296</c:v>
                </c:pt>
                <c:pt idx="1178">
                  <c:v>-7775769.15052603</c:v>
                </c:pt>
                <c:pt idx="1179">
                  <c:v>-7784282.7220705496</c:v>
                </c:pt>
                <c:pt idx="1180">
                  <c:v>-7828149.8625540296</c:v>
                </c:pt>
                <c:pt idx="1181">
                  <c:v>-7800310.4372272696</c:v>
                </c:pt>
                <c:pt idx="1182">
                  <c:v>-7817630.9175817799</c:v>
                </c:pt>
                <c:pt idx="1183">
                  <c:v>-7740395.7374205897</c:v>
                </c:pt>
                <c:pt idx="1184">
                  <c:v>-7670023.3069171701</c:v>
                </c:pt>
                <c:pt idx="1185">
                  <c:v>-7667236.7122722203</c:v>
                </c:pt>
                <c:pt idx="1186">
                  <c:v>-7630428.0286997203</c:v>
                </c:pt>
                <c:pt idx="1187">
                  <c:v>-7464556.5798978498</c:v>
                </c:pt>
                <c:pt idx="1188">
                  <c:v>-7472366.7921609702</c:v>
                </c:pt>
                <c:pt idx="1189">
                  <c:v>-7536468.8678512499</c:v>
                </c:pt>
                <c:pt idx="1190">
                  <c:v>-7435178.7028076304</c:v>
                </c:pt>
                <c:pt idx="1191">
                  <c:v>-7470324.7980482401</c:v>
                </c:pt>
                <c:pt idx="1192">
                  <c:v>-7470324.7980482401</c:v>
                </c:pt>
                <c:pt idx="1193">
                  <c:v>-7476142.6215677103</c:v>
                </c:pt>
                <c:pt idx="1194">
                  <c:v>-7477698.0380514599</c:v>
                </c:pt>
                <c:pt idx="1195">
                  <c:v>-7479564.7811549101</c:v>
                </c:pt>
                <c:pt idx="1196">
                  <c:v>-7478067.4774877299</c:v>
                </c:pt>
                <c:pt idx="1197">
                  <c:v>-7496001.3493091203</c:v>
                </c:pt>
                <c:pt idx="1198">
                  <c:v>-7666231.0927855</c:v>
                </c:pt>
                <c:pt idx="1199">
                  <c:v>-7658454.2288572602</c:v>
                </c:pt>
                <c:pt idx="1200">
                  <c:v>-7731310.42477825</c:v>
                </c:pt>
                <c:pt idx="1201">
                  <c:v>-7455924.6566388598</c:v>
                </c:pt>
                <c:pt idx="1202">
                  <c:v>-7511169.1471718196</c:v>
                </c:pt>
                <c:pt idx="1203">
                  <c:v>-7581058.5204874799</c:v>
                </c:pt>
                <c:pt idx="1204">
                  <c:v>-7580731.6424113801</c:v>
                </c:pt>
                <c:pt idx="1205">
                  <c:v>-7579094.0089961104</c:v>
                </c:pt>
                <c:pt idx="1206">
                  <c:v>-7555115.23348724</c:v>
                </c:pt>
                <c:pt idx="1207">
                  <c:v>-7566415.6002622601</c:v>
                </c:pt>
                <c:pt idx="1208">
                  <c:v>-7544402.3775923299</c:v>
                </c:pt>
                <c:pt idx="1209">
                  <c:v>-7556535.78343172</c:v>
                </c:pt>
                <c:pt idx="1210">
                  <c:v>-7575472.3576631304</c:v>
                </c:pt>
                <c:pt idx="1211">
                  <c:v>-7652518.1786363097</c:v>
                </c:pt>
                <c:pt idx="1212">
                  <c:v>-7656778.0262800697</c:v>
                </c:pt>
                <c:pt idx="1213">
                  <c:v>-7699837.62286878</c:v>
                </c:pt>
                <c:pt idx="1214">
                  <c:v>-7633360.2637971602</c:v>
                </c:pt>
                <c:pt idx="1215">
                  <c:v>-7614126.66670975</c:v>
                </c:pt>
                <c:pt idx="1216">
                  <c:v>-7587888.82122216</c:v>
                </c:pt>
                <c:pt idx="1217">
                  <c:v>-7593643.8868352901</c:v>
                </c:pt>
                <c:pt idx="1218">
                  <c:v>-7636159.6876760405</c:v>
                </c:pt>
                <c:pt idx="1219">
                  <c:v>-7643951.0042183399</c:v>
                </c:pt>
                <c:pt idx="1220">
                  <c:v>-7622627.52967609</c:v>
                </c:pt>
                <c:pt idx="1221">
                  <c:v>-7598763.3924264796</c:v>
                </c:pt>
                <c:pt idx="1222">
                  <c:v>-7612456.4312643101</c:v>
                </c:pt>
                <c:pt idx="1223">
                  <c:v>-7623728.0331780501</c:v>
                </c:pt>
                <c:pt idx="1224">
                  <c:v>-7745875.0889153397</c:v>
                </c:pt>
                <c:pt idx="1225">
                  <c:v>-7743701.9403394302</c:v>
                </c:pt>
                <c:pt idx="1226">
                  <c:v>-7740034.1052423399</c:v>
                </c:pt>
                <c:pt idx="1227">
                  <c:v>-7662020.1441285703</c:v>
                </c:pt>
                <c:pt idx="1228">
                  <c:v>-7654973.7348987097</c:v>
                </c:pt>
                <c:pt idx="1229">
                  <c:v>-7707633.7636367204</c:v>
                </c:pt>
                <c:pt idx="1230">
                  <c:v>-7715166.7365757599</c:v>
                </c:pt>
                <c:pt idx="1231">
                  <c:v>-7718175.9094102997</c:v>
                </c:pt>
                <c:pt idx="1232">
                  <c:v>-7734131.8211627202</c:v>
                </c:pt>
                <c:pt idx="1233">
                  <c:v>-7698772.8918870101</c:v>
                </c:pt>
                <c:pt idx="1234">
                  <c:v>-7714310.3750200802</c:v>
                </c:pt>
                <c:pt idx="1235">
                  <c:v>-7754575.6525234198</c:v>
                </c:pt>
                <c:pt idx="1236">
                  <c:v>-7698348.6920391796</c:v>
                </c:pt>
                <c:pt idx="1237">
                  <c:v>-7703945.4390288601</c:v>
                </c:pt>
                <c:pt idx="1238">
                  <c:v>-7703945.4390288601</c:v>
                </c:pt>
                <c:pt idx="1239">
                  <c:v>-7702206.06185719</c:v>
                </c:pt>
                <c:pt idx="1240">
                  <c:v>-7709494.0214241203</c:v>
                </c:pt>
                <c:pt idx="1241">
                  <c:v>-7700955.6646879297</c:v>
                </c:pt>
                <c:pt idx="1242">
                  <c:v>-7708122.63231593</c:v>
                </c:pt>
                <c:pt idx="1243">
                  <c:v>-7656501.2913179602</c:v>
                </c:pt>
                <c:pt idx="1244">
                  <c:v>-7687799.24518032</c:v>
                </c:pt>
                <c:pt idx="1245">
                  <c:v>-7732488.5499527799</c:v>
                </c:pt>
                <c:pt idx="1246">
                  <c:v>-7650058.3899346702</c:v>
                </c:pt>
                <c:pt idx="1247">
                  <c:v>-7639667.98438654</c:v>
                </c:pt>
                <c:pt idx="1248">
                  <c:v>-7640840.8836508999</c:v>
                </c:pt>
                <c:pt idx="1249">
                  <c:v>-7542976.2814090503</c:v>
                </c:pt>
                <c:pt idx="1250">
                  <c:v>-7550897.19839931</c:v>
                </c:pt>
                <c:pt idx="1251">
                  <c:v>-7572819.15767405</c:v>
                </c:pt>
                <c:pt idx="1252">
                  <c:v>-7551506.1916177496</c:v>
                </c:pt>
                <c:pt idx="1253">
                  <c:v>-7628340.2896810304</c:v>
                </c:pt>
                <c:pt idx="1254">
                  <c:v>-7627521.6365495501</c:v>
                </c:pt>
                <c:pt idx="1255">
                  <c:v>-7628191.4120949004</c:v>
                </c:pt>
                <c:pt idx="1256">
                  <c:v>-7635434.7843649602</c:v>
                </c:pt>
                <c:pt idx="1257">
                  <c:v>-7653136.47720866</c:v>
                </c:pt>
                <c:pt idx="1258">
                  <c:v>-7674528.2093530204</c:v>
                </c:pt>
                <c:pt idx="1259">
                  <c:v>-7677939.3506815499</c:v>
                </c:pt>
                <c:pt idx="1260">
                  <c:v>-7712668.92520661</c:v>
                </c:pt>
                <c:pt idx="1261">
                  <c:v>-7685446.3268734496</c:v>
                </c:pt>
                <c:pt idx="1262">
                  <c:v>-7528560.3738291198</c:v>
                </c:pt>
                <c:pt idx="1263">
                  <c:v>-7670129.3913847599</c:v>
                </c:pt>
                <c:pt idx="1264">
                  <c:v>-7673880.5203467999</c:v>
                </c:pt>
                <c:pt idx="1265">
                  <c:v>-7671213.9945324296</c:v>
                </c:pt>
                <c:pt idx="1266">
                  <c:v>-7653002.1600542804</c:v>
                </c:pt>
                <c:pt idx="1267">
                  <c:v>-7684991.0295815198</c:v>
                </c:pt>
                <c:pt idx="1268">
                  <c:v>-7677055.9200578397</c:v>
                </c:pt>
                <c:pt idx="1269">
                  <c:v>-7735754.3776928</c:v>
                </c:pt>
                <c:pt idx="1270">
                  <c:v>-7737402.27702461</c:v>
                </c:pt>
                <c:pt idx="1271">
                  <c:v>-7789348.3740724996</c:v>
                </c:pt>
                <c:pt idx="1272">
                  <c:v>-7714882.7051548203</c:v>
                </c:pt>
                <c:pt idx="1273">
                  <c:v>-7689956.3657563496</c:v>
                </c:pt>
                <c:pt idx="1274">
                  <c:v>-7692378.6705003399</c:v>
                </c:pt>
                <c:pt idx="1275">
                  <c:v>-7692214.35883159</c:v>
                </c:pt>
                <c:pt idx="1276">
                  <c:v>-7695423.27721324</c:v>
                </c:pt>
                <c:pt idx="1277">
                  <c:v>-7688193.25187728</c:v>
                </c:pt>
                <c:pt idx="1278">
                  <c:v>-7690663.1080732197</c:v>
                </c:pt>
                <c:pt idx="1279">
                  <c:v>-7603562.82000654</c:v>
                </c:pt>
                <c:pt idx="1280">
                  <c:v>-7545231.95712821</c:v>
                </c:pt>
                <c:pt idx="1281">
                  <c:v>-7497175.3998893099</c:v>
                </c:pt>
                <c:pt idx="1282">
                  <c:v>-7484459.4274020297</c:v>
                </c:pt>
                <c:pt idx="1283">
                  <c:v>-7627661.1919737197</c:v>
                </c:pt>
                <c:pt idx="1284">
                  <c:v>-7544947.44456443</c:v>
                </c:pt>
                <c:pt idx="1285">
                  <c:v>-7552105.4560579602</c:v>
                </c:pt>
                <c:pt idx="1286">
                  <c:v>-7612012.3707263302</c:v>
                </c:pt>
                <c:pt idx="1287">
                  <c:v>-7622682.4317735098</c:v>
                </c:pt>
                <c:pt idx="1288">
                  <c:v>-7649066.5560849402</c:v>
                </c:pt>
                <c:pt idx="1289">
                  <c:v>-7681741.8338812999</c:v>
                </c:pt>
                <c:pt idx="1290">
                  <c:v>-7671441.6626243098</c:v>
                </c:pt>
                <c:pt idx="1291">
                  <c:v>-7689899.2889795797</c:v>
                </c:pt>
                <c:pt idx="1292">
                  <c:v>-7627689.3944550501</c:v>
                </c:pt>
                <c:pt idx="1293">
                  <c:v>-7681439.9886779003</c:v>
                </c:pt>
                <c:pt idx="1294">
                  <c:v>-7680041.3498338899</c:v>
                </c:pt>
                <c:pt idx="1295">
                  <c:v>-7686423.1519989902</c:v>
                </c:pt>
                <c:pt idx="1296">
                  <c:v>-7682715.8042008299</c:v>
                </c:pt>
                <c:pt idx="1297">
                  <c:v>-7685466.0141887804</c:v>
                </c:pt>
                <c:pt idx="1298">
                  <c:v>-7649383.96280751</c:v>
                </c:pt>
                <c:pt idx="1299">
                  <c:v>-7599108.6225203704</c:v>
                </c:pt>
                <c:pt idx="1300">
                  <c:v>-7599108.6225203704</c:v>
                </c:pt>
                <c:pt idx="1301">
                  <c:v>-7618895.5861884197</c:v>
                </c:pt>
                <c:pt idx="1302">
                  <c:v>-7615790.9958615396</c:v>
                </c:pt>
                <c:pt idx="1303">
                  <c:v>-7639202.8338709697</c:v>
                </c:pt>
                <c:pt idx="1304">
                  <c:v>-7646392.8986143302</c:v>
                </c:pt>
                <c:pt idx="1305">
                  <c:v>-7687802.13593766</c:v>
                </c:pt>
                <c:pt idx="1306">
                  <c:v>-7620816.0713764904</c:v>
                </c:pt>
                <c:pt idx="1307">
                  <c:v>-7653854.1930949697</c:v>
                </c:pt>
                <c:pt idx="1308">
                  <c:v>-7656758.1992201498</c:v>
                </c:pt>
                <c:pt idx="1309">
                  <c:v>-7666499.0982979396</c:v>
                </c:pt>
                <c:pt idx="1310">
                  <c:v>-7680748.2795315897</c:v>
                </c:pt>
                <c:pt idx="1311">
                  <c:v>-7659120.3556616502</c:v>
                </c:pt>
                <c:pt idx="1312">
                  <c:v>-7662647.0410679402</c:v>
                </c:pt>
                <c:pt idx="1313">
                  <c:v>-7632346.3233841797</c:v>
                </c:pt>
                <c:pt idx="1314">
                  <c:v>-7646651.5286161797</c:v>
                </c:pt>
                <c:pt idx="1315">
                  <c:v>-7682380.5858899998</c:v>
                </c:pt>
                <c:pt idx="1316">
                  <c:v>-7621231.93631161</c:v>
                </c:pt>
                <c:pt idx="1317">
                  <c:v>-7635517.2675377997</c:v>
                </c:pt>
                <c:pt idx="1318">
                  <c:v>-7634935.0183561798</c:v>
                </c:pt>
                <c:pt idx="1319">
                  <c:v>-7638666.6993293501</c:v>
                </c:pt>
                <c:pt idx="1320">
                  <c:v>-7644535.8101623999</c:v>
                </c:pt>
                <c:pt idx="1321">
                  <c:v>-7644038.0544227501</c:v>
                </c:pt>
                <c:pt idx="1322">
                  <c:v>-7657411.0989023</c:v>
                </c:pt>
                <c:pt idx="1323">
                  <c:v>-7545886.5569369504</c:v>
                </c:pt>
                <c:pt idx="1324">
                  <c:v>-7686128.1678009396</c:v>
                </c:pt>
                <c:pt idx="1325">
                  <c:v>-7685616.1869792202</c:v>
                </c:pt>
                <c:pt idx="1326">
                  <c:v>-7693389.5863460004</c:v>
                </c:pt>
                <c:pt idx="1327">
                  <c:v>-7472902.07599629</c:v>
                </c:pt>
                <c:pt idx="1328">
                  <c:v>-7570237.2079704199</c:v>
                </c:pt>
                <c:pt idx="1329">
                  <c:v>-7627327.7693682704</c:v>
                </c:pt>
                <c:pt idx="1330">
                  <c:v>-7633270.6271281298</c:v>
                </c:pt>
                <c:pt idx="1331">
                  <c:v>-7624469.6468254598</c:v>
                </c:pt>
                <c:pt idx="1332">
                  <c:v>-7579639.4796263296</c:v>
                </c:pt>
                <c:pt idx="1333">
                  <c:v>-7551294.7482508896</c:v>
                </c:pt>
                <c:pt idx="1334">
                  <c:v>-7684211.0873723896</c:v>
                </c:pt>
                <c:pt idx="1335">
                  <c:v>-7642172.7273225198</c:v>
                </c:pt>
                <c:pt idx="1336">
                  <c:v>-7684472.89958396</c:v>
                </c:pt>
                <c:pt idx="1337">
                  <c:v>-7684472.89958396</c:v>
                </c:pt>
                <c:pt idx="1338">
                  <c:v>-7737554.5675758198</c:v>
                </c:pt>
                <c:pt idx="1339">
                  <c:v>-7786539.5358468201</c:v>
                </c:pt>
                <c:pt idx="1340">
                  <c:v>-7706791.6778768701</c:v>
                </c:pt>
                <c:pt idx="1341">
                  <c:v>-7574255.2060177401</c:v>
                </c:pt>
                <c:pt idx="1342">
                  <c:v>-7574334.8255667603</c:v>
                </c:pt>
                <c:pt idx="1343">
                  <c:v>-7572075.8188193804</c:v>
                </c:pt>
                <c:pt idx="1344">
                  <c:v>-7557570.0170492204</c:v>
                </c:pt>
                <c:pt idx="1345">
                  <c:v>-7557861.8666121801</c:v>
                </c:pt>
                <c:pt idx="1346">
                  <c:v>-7568852.7827866003</c:v>
                </c:pt>
                <c:pt idx="1347">
                  <c:v>-7571429.5338888401</c:v>
                </c:pt>
                <c:pt idx="1348">
                  <c:v>-7599488.8395852596</c:v>
                </c:pt>
                <c:pt idx="1349">
                  <c:v>-7615379.9875811199</c:v>
                </c:pt>
                <c:pt idx="1350">
                  <c:v>-7597577.1002940601</c:v>
                </c:pt>
                <c:pt idx="1351">
                  <c:v>-7593483.6207349095</c:v>
                </c:pt>
                <c:pt idx="1352">
                  <c:v>-7581260.8514526701</c:v>
                </c:pt>
                <c:pt idx="1353">
                  <c:v>-7639124.7853260497</c:v>
                </c:pt>
                <c:pt idx="1354">
                  <c:v>-7630194.8122687601</c:v>
                </c:pt>
                <c:pt idx="1355">
                  <c:v>-7634072.0553767998</c:v>
                </c:pt>
                <c:pt idx="1356">
                  <c:v>-7647096.1158766104</c:v>
                </c:pt>
                <c:pt idx="1357">
                  <c:v>-7651918.0109749204</c:v>
                </c:pt>
                <c:pt idx="1358">
                  <c:v>-7627237.8712319303</c:v>
                </c:pt>
                <c:pt idx="1359">
                  <c:v>-7630357.5233963802</c:v>
                </c:pt>
                <c:pt idx="1360">
                  <c:v>-7536644.08896589</c:v>
                </c:pt>
                <c:pt idx="1361">
                  <c:v>-7540268.0360629298</c:v>
                </c:pt>
                <c:pt idx="1362">
                  <c:v>-7540268.0360629298</c:v>
                </c:pt>
                <c:pt idx="1363">
                  <c:v>-7539656.2618603501</c:v>
                </c:pt>
                <c:pt idx="1364">
                  <c:v>-7554324.8787041204</c:v>
                </c:pt>
                <c:pt idx="1365">
                  <c:v>-7593407.74253189</c:v>
                </c:pt>
                <c:pt idx="1366">
                  <c:v>-7685264.8654190497</c:v>
                </c:pt>
                <c:pt idx="1367">
                  <c:v>-7694989.7851801701</c:v>
                </c:pt>
                <c:pt idx="1368">
                  <c:v>-7684797.7782566603</c:v>
                </c:pt>
                <c:pt idx="1369">
                  <c:v>-7708949.6793531803</c:v>
                </c:pt>
                <c:pt idx="1370">
                  <c:v>-7712924.7618049998</c:v>
                </c:pt>
                <c:pt idx="1371">
                  <c:v>-7689070.8001166601</c:v>
                </c:pt>
                <c:pt idx="1372">
                  <c:v>-7512742.3113059998</c:v>
                </c:pt>
                <c:pt idx="1373">
                  <c:v>-7485382.28164424</c:v>
                </c:pt>
                <c:pt idx="1374">
                  <c:v>-7500353.2290011402</c:v>
                </c:pt>
                <c:pt idx="1375">
                  <c:v>-7533172.6547511397</c:v>
                </c:pt>
                <c:pt idx="1376">
                  <c:v>-7464851.9194746604</c:v>
                </c:pt>
                <c:pt idx="1377">
                  <c:v>-7452472.4739216696</c:v>
                </c:pt>
                <c:pt idx="1378">
                  <c:v>-7471767.5329307402</c:v>
                </c:pt>
                <c:pt idx="1379">
                  <c:v>-7389221.1804707302</c:v>
                </c:pt>
                <c:pt idx="1380">
                  <c:v>-7401853.2989113303</c:v>
                </c:pt>
                <c:pt idx="1381">
                  <c:v>-7402311.1984617701</c:v>
                </c:pt>
                <c:pt idx="1382">
                  <c:v>-7389264.8999258503</c:v>
                </c:pt>
                <c:pt idx="1383">
                  <c:v>-7393402.3364669103</c:v>
                </c:pt>
                <c:pt idx="1384">
                  <c:v>-7414141.2302236203</c:v>
                </c:pt>
                <c:pt idx="1385">
                  <c:v>-7416538.4173344299</c:v>
                </c:pt>
                <c:pt idx="1386">
                  <c:v>-7472665.9756469699</c:v>
                </c:pt>
                <c:pt idx="1387">
                  <c:v>-7725143.9787620697</c:v>
                </c:pt>
                <c:pt idx="1388">
                  <c:v>-7715913.6556209</c:v>
                </c:pt>
                <c:pt idx="1389">
                  <c:v>-7617468.1450491296</c:v>
                </c:pt>
                <c:pt idx="1390">
                  <c:v>-7289171.0258778296</c:v>
                </c:pt>
                <c:pt idx="1391">
                  <c:v>-7288026.1895630099</c:v>
                </c:pt>
                <c:pt idx="1392">
                  <c:v>-7298185.8571717599</c:v>
                </c:pt>
                <c:pt idx="1393">
                  <c:v>-7394795.4803747497</c:v>
                </c:pt>
                <c:pt idx="1394">
                  <c:v>-7389615.8384790896</c:v>
                </c:pt>
                <c:pt idx="1395">
                  <c:v>-7383639.7551300796</c:v>
                </c:pt>
                <c:pt idx="1396">
                  <c:v>-7392539.4188200301</c:v>
                </c:pt>
                <c:pt idx="1397">
                  <c:v>-7317776.0481884899</c:v>
                </c:pt>
                <c:pt idx="1398">
                  <c:v>-7480328.11101266</c:v>
                </c:pt>
                <c:pt idx="1399">
                  <c:v>-7467330.8397004101</c:v>
                </c:pt>
                <c:pt idx="1400">
                  <c:v>-7490897.5397394001</c:v>
                </c:pt>
                <c:pt idx="1401">
                  <c:v>-7441408.88306469</c:v>
                </c:pt>
                <c:pt idx="1402">
                  <c:v>-7421311.5115415202</c:v>
                </c:pt>
                <c:pt idx="1403">
                  <c:v>-7400360.8594773198</c:v>
                </c:pt>
                <c:pt idx="1404">
                  <c:v>-7448805.4899531798</c:v>
                </c:pt>
                <c:pt idx="1405">
                  <c:v>-7464832.5777505096</c:v>
                </c:pt>
                <c:pt idx="1406">
                  <c:v>-7481279.9757601498</c:v>
                </c:pt>
                <c:pt idx="1407">
                  <c:v>-7565328.6113184104</c:v>
                </c:pt>
                <c:pt idx="1408">
                  <c:v>-7555637.8304720102</c:v>
                </c:pt>
                <c:pt idx="1409">
                  <c:v>-7554193.9348616796</c:v>
                </c:pt>
                <c:pt idx="1410">
                  <c:v>-7502025.9947106801</c:v>
                </c:pt>
                <c:pt idx="1411">
                  <c:v>-7496843.7575796396</c:v>
                </c:pt>
                <c:pt idx="1412">
                  <c:v>-7680923.2055651397</c:v>
                </c:pt>
                <c:pt idx="1413">
                  <c:v>-7639969.1707441797</c:v>
                </c:pt>
                <c:pt idx="1414">
                  <c:v>-7656151.7526956601</c:v>
                </c:pt>
                <c:pt idx="1415">
                  <c:v>-7657209.41344033</c:v>
                </c:pt>
                <c:pt idx="1416">
                  <c:v>-7673194.9323173398</c:v>
                </c:pt>
                <c:pt idx="1417">
                  <c:v>-7638653.4568350203</c:v>
                </c:pt>
                <c:pt idx="1418">
                  <c:v>-7670910.6675027199</c:v>
                </c:pt>
                <c:pt idx="1419">
                  <c:v>-7669253.3384140301</c:v>
                </c:pt>
                <c:pt idx="1420">
                  <c:v>-7686915.4959615804</c:v>
                </c:pt>
                <c:pt idx="1421">
                  <c:v>-7732772.0588602303</c:v>
                </c:pt>
                <c:pt idx="1422">
                  <c:v>-7757323.5744877802</c:v>
                </c:pt>
                <c:pt idx="1423">
                  <c:v>-7754803.61469357</c:v>
                </c:pt>
                <c:pt idx="1424">
                  <c:v>-7755749.9350450104</c:v>
                </c:pt>
                <c:pt idx="1425">
                  <c:v>-7761434.2053667596</c:v>
                </c:pt>
                <c:pt idx="1426">
                  <c:v>-7776950.8386186603</c:v>
                </c:pt>
                <c:pt idx="1427">
                  <c:v>-7773086.7943861596</c:v>
                </c:pt>
                <c:pt idx="1428">
                  <c:v>-7770027.9621539097</c:v>
                </c:pt>
                <c:pt idx="1429">
                  <c:v>-7868387.1401748098</c:v>
                </c:pt>
                <c:pt idx="1430">
                  <c:v>-7943667.5787456501</c:v>
                </c:pt>
                <c:pt idx="1431">
                  <c:v>-7905299.1831916897</c:v>
                </c:pt>
                <c:pt idx="1432">
                  <c:v>-7890717.3225876801</c:v>
                </c:pt>
                <c:pt idx="1433">
                  <c:v>-7853879.2114343001</c:v>
                </c:pt>
                <c:pt idx="1434">
                  <c:v>-7851782.3973787203</c:v>
                </c:pt>
                <c:pt idx="1435">
                  <c:v>-7901667.4644321902</c:v>
                </c:pt>
                <c:pt idx="1436">
                  <c:v>-7703552.7415768597</c:v>
                </c:pt>
                <c:pt idx="1437">
                  <c:v>-7678773.1338758497</c:v>
                </c:pt>
                <c:pt idx="1438">
                  <c:v>-7675042.1503257398</c:v>
                </c:pt>
                <c:pt idx="1439">
                  <c:v>-7768053.3250616901</c:v>
                </c:pt>
                <c:pt idx="1440">
                  <c:v>-7825723.0060577802</c:v>
                </c:pt>
                <c:pt idx="1441">
                  <c:v>-7830103.1867659101</c:v>
                </c:pt>
                <c:pt idx="1442">
                  <c:v>-7821661.8042274499</c:v>
                </c:pt>
                <c:pt idx="1443">
                  <c:v>-7669234.6283905497</c:v>
                </c:pt>
                <c:pt idx="1444">
                  <c:v>-7712862.0690762</c:v>
                </c:pt>
                <c:pt idx="1445">
                  <c:v>-7720494.4921658002</c:v>
                </c:pt>
                <c:pt idx="1446">
                  <c:v>-7714305.1315579498</c:v>
                </c:pt>
                <c:pt idx="1447">
                  <c:v>-7710443.4539248403</c:v>
                </c:pt>
                <c:pt idx="1448">
                  <c:v>-7802461.31943944</c:v>
                </c:pt>
                <c:pt idx="1449">
                  <c:v>-7676249.2280511502</c:v>
                </c:pt>
                <c:pt idx="1450">
                  <c:v>-7802276.8154104697</c:v>
                </c:pt>
                <c:pt idx="1451">
                  <c:v>-7687348.5924189901</c:v>
                </c:pt>
                <c:pt idx="1452">
                  <c:v>-7683372.2103961799</c:v>
                </c:pt>
                <c:pt idx="1453">
                  <c:v>-7729178.8948031003</c:v>
                </c:pt>
                <c:pt idx="1454">
                  <c:v>-7761095.1859943401</c:v>
                </c:pt>
                <c:pt idx="1455">
                  <c:v>-7761577.1458542803</c:v>
                </c:pt>
                <c:pt idx="1456">
                  <c:v>-7832573.9477099096</c:v>
                </c:pt>
                <c:pt idx="1457">
                  <c:v>-7836828.3370998204</c:v>
                </c:pt>
                <c:pt idx="1458">
                  <c:v>-7793226.8856334798</c:v>
                </c:pt>
                <c:pt idx="1459">
                  <c:v>-7682829.1320466502</c:v>
                </c:pt>
                <c:pt idx="1460">
                  <c:v>-7729423.99618039</c:v>
                </c:pt>
                <c:pt idx="1461">
                  <c:v>-7661133.0969864298</c:v>
                </c:pt>
                <c:pt idx="1462">
                  <c:v>-7765567.0443615103</c:v>
                </c:pt>
                <c:pt idx="1463">
                  <c:v>-7638449.3871642901</c:v>
                </c:pt>
                <c:pt idx="1464">
                  <c:v>-7619323.2748219697</c:v>
                </c:pt>
                <c:pt idx="1465">
                  <c:v>-7651077.0292708697</c:v>
                </c:pt>
                <c:pt idx="1466">
                  <c:v>-7628787.5610584496</c:v>
                </c:pt>
                <c:pt idx="1467">
                  <c:v>-7623049.2142787296</c:v>
                </c:pt>
                <c:pt idx="1468">
                  <c:v>-7625383.9275919897</c:v>
                </c:pt>
                <c:pt idx="1469">
                  <c:v>-7716290.0737189297</c:v>
                </c:pt>
                <c:pt idx="1470">
                  <c:v>-7571051.3297566604</c:v>
                </c:pt>
                <c:pt idx="1471">
                  <c:v>-7561945.9730745899</c:v>
                </c:pt>
                <c:pt idx="1472">
                  <c:v>-7430793.5228923103</c:v>
                </c:pt>
                <c:pt idx="1473">
                  <c:v>-7420067.6531918701</c:v>
                </c:pt>
                <c:pt idx="1474">
                  <c:v>-7419573.4071806399</c:v>
                </c:pt>
                <c:pt idx="1475">
                  <c:v>-7457251.1792478599</c:v>
                </c:pt>
                <c:pt idx="1476">
                  <c:v>-7454165.0941165704</c:v>
                </c:pt>
                <c:pt idx="1477">
                  <c:v>-7492490.1622535298</c:v>
                </c:pt>
                <c:pt idx="1478">
                  <c:v>-7484619.2549011102</c:v>
                </c:pt>
                <c:pt idx="1479">
                  <c:v>-7425716.4154173899</c:v>
                </c:pt>
                <c:pt idx="1480">
                  <c:v>-7413256.5538688404</c:v>
                </c:pt>
                <c:pt idx="1481">
                  <c:v>-7413083.4055634802</c:v>
                </c:pt>
                <c:pt idx="1482">
                  <c:v>-7406914.1213954203</c:v>
                </c:pt>
                <c:pt idx="1483">
                  <c:v>-7644983.0116768004</c:v>
                </c:pt>
                <c:pt idx="1484">
                  <c:v>-7633342.6590429796</c:v>
                </c:pt>
                <c:pt idx="1485">
                  <c:v>-7636724.0450203</c:v>
                </c:pt>
                <c:pt idx="1486">
                  <c:v>-7641398.7524328101</c:v>
                </c:pt>
                <c:pt idx="1487">
                  <c:v>-7629398.4826514199</c:v>
                </c:pt>
                <c:pt idx="1488">
                  <c:v>-7502489.8177886903</c:v>
                </c:pt>
                <c:pt idx="1489">
                  <c:v>-7663436.4479965204</c:v>
                </c:pt>
                <c:pt idx="1490">
                  <c:v>-7659440.9031541096</c:v>
                </c:pt>
                <c:pt idx="1491">
                  <c:v>-7656428.7547497004</c:v>
                </c:pt>
                <c:pt idx="1492">
                  <c:v>-7603441.2303926302</c:v>
                </c:pt>
                <c:pt idx="1493">
                  <c:v>-7617113.55023205</c:v>
                </c:pt>
                <c:pt idx="1494">
                  <c:v>-7562748.2084924905</c:v>
                </c:pt>
                <c:pt idx="1495">
                  <c:v>-7467150.34486752</c:v>
                </c:pt>
                <c:pt idx="1496">
                  <c:v>-7477612.2327284003</c:v>
                </c:pt>
                <c:pt idx="1497">
                  <c:v>-7619477.0769174602</c:v>
                </c:pt>
                <c:pt idx="1498">
                  <c:v>-7661923.1418188801</c:v>
                </c:pt>
                <c:pt idx="1499">
                  <c:v>-7651322.6956265997</c:v>
                </c:pt>
                <c:pt idx="1500">
                  <c:v>-7626125.1543667698</c:v>
                </c:pt>
                <c:pt idx="1501">
                  <c:v>-7623714.5826542499</c:v>
                </c:pt>
                <c:pt idx="1502">
                  <c:v>-7629992.2500768499</c:v>
                </c:pt>
                <c:pt idx="1503">
                  <c:v>-7224117.1807695702</c:v>
                </c:pt>
                <c:pt idx="1504">
                  <c:v>-7226938.9146219799</c:v>
                </c:pt>
                <c:pt idx="1505">
                  <c:v>-7218350.9074571198</c:v>
                </c:pt>
                <c:pt idx="1506">
                  <c:v>-7176805.2725587497</c:v>
                </c:pt>
                <c:pt idx="1507">
                  <c:v>-7193955.7442426505</c:v>
                </c:pt>
                <c:pt idx="1508">
                  <c:v>-7194638.5408492098</c:v>
                </c:pt>
                <c:pt idx="1509">
                  <c:v>-7228700.9489953304</c:v>
                </c:pt>
                <c:pt idx="1510">
                  <c:v>-7228786.4924646802</c:v>
                </c:pt>
                <c:pt idx="1511">
                  <c:v>-7232984.7919372097</c:v>
                </c:pt>
                <c:pt idx="1512">
                  <c:v>-6961953.13777366</c:v>
                </c:pt>
                <c:pt idx="1513">
                  <c:v>-6947483.5608005198</c:v>
                </c:pt>
                <c:pt idx="1514">
                  <c:v>-7088879.5174545702</c:v>
                </c:pt>
                <c:pt idx="1515">
                  <c:v>-7061980.9693875397</c:v>
                </c:pt>
                <c:pt idx="1516">
                  <c:v>-7072548.5505565004</c:v>
                </c:pt>
                <c:pt idx="1517">
                  <c:v>-7164066.5689791897</c:v>
                </c:pt>
                <c:pt idx="1518">
                  <c:v>-7239844.84997191</c:v>
                </c:pt>
                <c:pt idx="1519">
                  <c:v>-7227843.6395433601</c:v>
                </c:pt>
                <c:pt idx="1520">
                  <c:v>-7130886.0439377101</c:v>
                </c:pt>
                <c:pt idx="1521">
                  <c:v>-7203449.6148949498</c:v>
                </c:pt>
                <c:pt idx="1522">
                  <c:v>-7230351.7498229798</c:v>
                </c:pt>
                <c:pt idx="1523">
                  <c:v>-7052758.52788716</c:v>
                </c:pt>
                <c:pt idx="1524">
                  <c:v>-7051198.3194441497</c:v>
                </c:pt>
                <c:pt idx="1525">
                  <c:v>-7069521.4215201102</c:v>
                </c:pt>
                <c:pt idx="1526">
                  <c:v>-7025528.2405618196</c:v>
                </c:pt>
                <c:pt idx="1527">
                  <c:v>-6999911.8296779701</c:v>
                </c:pt>
                <c:pt idx="1528">
                  <c:v>-6991282.7051480804</c:v>
                </c:pt>
                <c:pt idx="1529">
                  <c:v>-6985592.2970782099</c:v>
                </c:pt>
                <c:pt idx="1530">
                  <c:v>-6984821.1620523296</c:v>
                </c:pt>
                <c:pt idx="1531">
                  <c:v>-6991262.8993676798</c:v>
                </c:pt>
                <c:pt idx="1532">
                  <c:v>-6982434.2446864601</c:v>
                </c:pt>
                <c:pt idx="1533">
                  <c:v>-6993392.8853416303</c:v>
                </c:pt>
                <c:pt idx="1534">
                  <c:v>-6999186.5974155804</c:v>
                </c:pt>
                <c:pt idx="1535">
                  <c:v>-7041431.5487840502</c:v>
                </c:pt>
                <c:pt idx="1536">
                  <c:v>-6955523.2704717498</c:v>
                </c:pt>
                <c:pt idx="1537">
                  <c:v>-6973884.0718080197</c:v>
                </c:pt>
                <c:pt idx="1538">
                  <c:v>-7255416.4671145398</c:v>
                </c:pt>
                <c:pt idx="1539">
                  <c:v>-7204498.2816959899</c:v>
                </c:pt>
                <c:pt idx="1540">
                  <c:v>-7246661.4711835599</c:v>
                </c:pt>
                <c:pt idx="1541">
                  <c:v>-7188227.4398333998</c:v>
                </c:pt>
                <c:pt idx="1542">
                  <c:v>-7172129.4442494595</c:v>
                </c:pt>
                <c:pt idx="1543">
                  <c:v>-7177086.0183070898</c:v>
                </c:pt>
                <c:pt idx="1544">
                  <c:v>-7162818.5650100103</c:v>
                </c:pt>
                <c:pt idx="1545">
                  <c:v>-7247132.1759640798</c:v>
                </c:pt>
                <c:pt idx="1546">
                  <c:v>-7240253.0752689</c:v>
                </c:pt>
                <c:pt idx="1547">
                  <c:v>-7197970.0651355097</c:v>
                </c:pt>
                <c:pt idx="1548">
                  <c:v>-7196220.1879599001</c:v>
                </c:pt>
                <c:pt idx="1549">
                  <c:v>-7187955.5749286702</c:v>
                </c:pt>
                <c:pt idx="1550">
                  <c:v>-7188127.6115624299</c:v>
                </c:pt>
                <c:pt idx="1551">
                  <c:v>-7181021.6350928601</c:v>
                </c:pt>
                <c:pt idx="1552">
                  <c:v>-7214635.2814428201</c:v>
                </c:pt>
                <c:pt idx="1553">
                  <c:v>-7204474.2891373802</c:v>
                </c:pt>
                <c:pt idx="1554">
                  <c:v>-7260033.5951899504</c:v>
                </c:pt>
                <c:pt idx="1555">
                  <c:v>-7255701.7668587398</c:v>
                </c:pt>
                <c:pt idx="1556">
                  <c:v>-7252703.3162812497</c:v>
                </c:pt>
                <c:pt idx="1557">
                  <c:v>-7255425.5963741699</c:v>
                </c:pt>
                <c:pt idx="1558">
                  <c:v>-7254083.8741293596</c:v>
                </c:pt>
                <c:pt idx="1559">
                  <c:v>-7250722.6340901302</c:v>
                </c:pt>
                <c:pt idx="1560">
                  <c:v>-7312666.8590492997</c:v>
                </c:pt>
                <c:pt idx="1561">
                  <c:v>-7325722.9341658195</c:v>
                </c:pt>
                <c:pt idx="1562">
                  <c:v>-7334013.9846058004</c:v>
                </c:pt>
                <c:pt idx="1563">
                  <c:v>-7330116.7985889995</c:v>
                </c:pt>
                <c:pt idx="1564">
                  <c:v>-7314514.6212090999</c:v>
                </c:pt>
                <c:pt idx="1565">
                  <c:v>-7317653.4556341404</c:v>
                </c:pt>
                <c:pt idx="1566">
                  <c:v>-7291402.2540841196</c:v>
                </c:pt>
                <c:pt idx="1567">
                  <c:v>-7291581.3450349802</c:v>
                </c:pt>
                <c:pt idx="1568">
                  <c:v>-7291128.7653531004</c:v>
                </c:pt>
                <c:pt idx="1569">
                  <c:v>-7225910.5753842704</c:v>
                </c:pt>
                <c:pt idx="1570">
                  <c:v>-7322485.79611756</c:v>
                </c:pt>
                <c:pt idx="1571">
                  <c:v>-7322873.5927049499</c:v>
                </c:pt>
                <c:pt idx="1572">
                  <c:v>-7329833.4462933503</c:v>
                </c:pt>
                <c:pt idx="1573">
                  <c:v>-7403835.7462528897</c:v>
                </c:pt>
                <c:pt idx="1574">
                  <c:v>-7402301.0486722598</c:v>
                </c:pt>
                <c:pt idx="1575">
                  <c:v>-7331750.2324431799</c:v>
                </c:pt>
                <c:pt idx="1576">
                  <c:v>-7327594.2753006397</c:v>
                </c:pt>
                <c:pt idx="1577">
                  <c:v>-7096781.6760073397</c:v>
                </c:pt>
                <c:pt idx="1578">
                  <c:v>-7077583.9283185899</c:v>
                </c:pt>
                <c:pt idx="1579">
                  <c:v>-7092815.6939447196</c:v>
                </c:pt>
                <c:pt idx="1580">
                  <c:v>-7169318.09217076</c:v>
                </c:pt>
                <c:pt idx="1581">
                  <c:v>-7182509.8587998897</c:v>
                </c:pt>
                <c:pt idx="1582">
                  <c:v>-7179241.08476594</c:v>
                </c:pt>
                <c:pt idx="1583">
                  <c:v>-7176966.7064594999</c:v>
                </c:pt>
                <c:pt idx="1584">
                  <c:v>-7239306.8660695804</c:v>
                </c:pt>
                <c:pt idx="1585">
                  <c:v>-7328808.6794891702</c:v>
                </c:pt>
                <c:pt idx="1586">
                  <c:v>-7318458.9348643301</c:v>
                </c:pt>
                <c:pt idx="1587">
                  <c:v>-7298374.6122315601</c:v>
                </c:pt>
                <c:pt idx="1588">
                  <c:v>-7295357.7032581</c:v>
                </c:pt>
                <c:pt idx="1589">
                  <c:v>-7297969.7679407196</c:v>
                </c:pt>
                <c:pt idx="1590">
                  <c:v>-7264739.4911531601</c:v>
                </c:pt>
                <c:pt idx="1591">
                  <c:v>-7268538.3518709</c:v>
                </c:pt>
                <c:pt idx="1592">
                  <c:v>-7282645.5601214096</c:v>
                </c:pt>
                <c:pt idx="1593">
                  <c:v>-7238137.6296194801</c:v>
                </c:pt>
                <c:pt idx="1594">
                  <c:v>-7260588.5217416296</c:v>
                </c:pt>
                <c:pt idx="1595">
                  <c:v>-7265682.6973785004</c:v>
                </c:pt>
                <c:pt idx="1596">
                  <c:v>-7296700.0965907304</c:v>
                </c:pt>
                <c:pt idx="1597">
                  <c:v>-7276063.5751891704</c:v>
                </c:pt>
                <c:pt idx="1598">
                  <c:v>-7276831.5506454697</c:v>
                </c:pt>
                <c:pt idx="1599">
                  <c:v>-7277165.6878361097</c:v>
                </c:pt>
                <c:pt idx="1600">
                  <c:v>-7280458.26125897</c:v>
                </c:pt>
                <c:pt idx="1601">
                  <c:v>-7280458.26125897</c:v>
                </c:pt>
                <c:pt idx="1602">
                  <c:v>-7283139.9969074503</c:v>
                </c:pt>
                <c:pt idx="1603">
                  <c:v>-7301436.9211688796</c:v>
                </c:pt>
                <c:pt idx="1604">
                  <c:v>-7323520.3933519199</c:v>
                </c:pt>
                <c:pt idx="1605">
                  <c:v>-7326707.0840405701</c:v>
                </c:pt>
                <c:pt idx="1606">
                  <c:v>-7323796.8970457697</c:v>
                </c:pt>
                <c:pt idx="1607">
                  <c:v>-7336715.0866829501</c:v>
                </c:pt>
                <c:pt idx="1608">
                  <c:v>-7336715.0866829501</c:v>
                </c:pt>
                <c:pt idx="1609">
                  <c:v>-7337944.27265302</c:v>
                </c:pt>
                <c:pt idx="1610">
                  <c:v>-7385617.1131678103</c:v>
                </c:pt>
                <c:pt idx="1611">
                  <c:v>-7416723.6643781997</c:v>
                </c:pt>
                <c:pt idx="1612">
                  <c:v>-7242635.7550345501</c:v>
                </c:pt>
                <c:pt idx="1613">
                  <c:v>-7243688.0846545696</c:v>
                </c:pt>
                <c:pt idx="1614">
                  <c:v>-7250992.1857465198</c:v>
                </c:pt>
                <c:pt idx="1615">
                  <c:v>-7250693.6094981199</c:v>
                </c:pt>
                <c:pt idx="1616">
                  <c:v>-7317584.8454901902</c:v>
                </c:pt>
                <c:pt idx="1617">
                  <c:v>-7316985.5701651499</c:v>
                </c:pt>
                <c:pt idx="1618">
                  <c:v>-7261311.3315944299</c:v>
                </c:pt>
                <c:pt idx="1619">
                  <c:v>-7260170.5085615898</c:v>
                </c:pt>
                <c:pt idx="1620">
                  <c:v>-7249644.9337257603</c:v>
                </c:pt>
                <c:pt idx="1621">
                  <c:v>-7235430.3224825095</c:v>
                </c:pt>
                <c:pt idx="1622">
                  <c:v>-7179964.8929782799</c:v>
                </c:pt>
                <c:pt idx="1623">
                  <c:v>-7173449.7935151802</c:v>
                </c:pt>
                <c:pt idx="1624">
                  <c:v>-7322260.1701930696</c:v>
                </c:pt>
                <c:pt idx="1625">
                  <c:v>-7370588.5327916704</c:v>
                </c:pt>
                <c:pt idx="1626">
                  <c:v>-7379715.7931354903</c:v>
                </c:pt>
                <c:pt idx="1627">
                  <c:v>-7381279.23822485</c:v>
                </c:pt>
                <c:pt idx="1628">
                  <c:v>-7282074.83968555</c:v>
                </c:pt>
                <c:pt idx="1629">
                  <c:v>-7278536.0683073904</c:v>
                </c:pt>
                <c:pt idx="1630">
                  <c:v>-7273463.1893583303</c:v>
                </c:pt>
                <c:pt idx="1631">
                  <c:v>-7201080.2527209101</c:v>
                </c:pt>
                <c:pt idx="1632">
                  <c:v>-7205990.2811920298</c:v>
                </c:pt>
                <c:pt idx="1633">
                  <c:v>-7175621.4835896799</c:v>
                </c:pt>
                <c:pt idx="1634">
                  <c:v>-7177699.9735078895</c:v>
                </c:pt>
                <c:pt idx="1635">
                  <c:v>-7153620.1715316102</c:v>
                </c:pt>
                <c:pt idx="1636">
                  <c:v>-7150243.9319090797</c:v>
                </c:pt>
                <c:pt idx="1637">
                  <c:v>-7142634.2024241304</c:v>
                </c:pt>
                <c:pt idx="1638">
                  <c:v>-7169321.7741367295</c:v>
                </c:pt>
                <c:pt idx="1639">
                  <c:v>-7164949.4060843904</c:v>
                </c:pt>
                <c:pt idx="1640">
                  <c:v>-7156901.5858954601</c:v>
                </c:pt>
                <c:pt idx="1641">
                  <c:v>-7151861.8081296301</c:v>
                </c:pt>
                <c:pt idx="1642">
                  <c:v>-7136731.90672452</c:v>
                </c:pt>
                <c:pt idx="1643">
                  <c:v>-7066486.3649161896</c:v>
                </c:pt>
                <c:pt idx="1644">
                  <c:v>-7057924.7076692702</c:v>
                </c:pt>
                <c:pt idx="1645">
                  <c:v>-7036588.2234862801</c:v>
                </c:pt>
                <c:pt idx="1646">
                  <c:v>-6802329.3851745604</c:v>
                </c:pt>
                <c:pt idx="1647">
                  <c:v>-6812620.7779866997</c:v>
                </c:pt>
                <c:pt idx="1648">
                  <c:v>-6816920.8536664797</c:v>
                </c:pt>
                <c:pt idx="1649">
                  <c:v>-6802271.3781290697</c:v>
                </c:pt>
                <c:pt idx="1650">
                  <c:v>-6809691.8078718204</c:v>
                </c:pt>
                <c:pt idx="1651">
                  <c:v>-6799493.9529591799</c:v>
                </c:pt>
                <c:pt idx="1652">
                  <c:v>-6799511.1516564302</c:v>
                </c:pt>
                <c:pt idx="1653">
                  <c:v>-6794881.0235075997</c:v>
                </c:pt>
                <c:pt idx="1654">
                  <c:v>-6804766.1625169497</c:v>
                </c:pt>
                <c:pt idx="1655">
                  <c:v>-6867889.2201708304</c:v>
                </c:pt>
                <c:pt idx="1656">
                  <c:v>-6859167.1232970404</c:v>
                </c:pt>
                <c:pt idx="1657">
                  <c:v>-6899140.7179707102</c:v>
                </c:pt>
                <c:pt idx="1658">
                  <c:v>-6874843.6346524702</c:v>
                </c:pt>
                <c:pt idx="1659">
                  <c:v>-6879010.3906001505</c:v>
                </c:pt>
                <c:pt idx="1660">
                  <c:v>-6880856.2386326399</c:v>
                </c:pt>
                <c:pt idx="1661">
                  <c:v>-6879207.2928923797</c:v>
                </c:pt>
                <c:pt idx="1662">
                  <c:v>-6855771.2030337201</c:v>
                </c:pt>
                <c:pt idx="1663">
                  <c:v>-6855538.7269508801</c:v>
                </c:pt>
                <c:pt idx="1664">
                  <c:v>-6892670.70718842</c:v>
                </c:pt>
                <c:pt idx="1665">
                  <c:v>-6885500.1791826403</c:v>
                </c:pt>
                <c:pt idx="1666">
                  <c:v>-6883014.4621506399</c:v>
                </c:pt>
                <c:pt idx="1667">
                  <c:v>-6950107.6446972303</c:v>
                </c:pt>
                <c:pt idx="1668">
                  <c:v>-6947599.3407732602</c:v>
                </c:pt>
                <c:pt idx="1669">
                  <c:v>-6867031.4434065502</c:v>
                </c:pt>
                <c:pt idx="1670">
                  <c:v>-6910974.1334823295</c:v>
                </c:pt>
                <c:pt idx="1671">
                  <c:v>-6911636.4919720599</c:v>
                </c:pt>
                <c:pt idx="1672">
                  <c:v>-6915480.5562511096</c:v>
                </c:pt>
                <c:pt idx="1673">
                  <c:v>-6897011.3066625902</c:v>
                </c:pt>
                <c:pt idx="1674">
                  <c:v>-7118742.5032457802</c:v>
                </c:pt>
                <c:pt idx="1675">
                  <c:v>-7246693.3356055701</c:v>
                </c:pt>
                <c:pt idx="1676">
                  <c:v>-7255821.3405755796</c:v>
                </c:pt>
                <c:pt idx="1677">
                  <c:v>-7262813.1546805296</c:v>
                </c:pt>
                <c:pt idx="1678">
                  <c:v>-7292567.0959826699</c:v>
                </c:pt>
                <c:pt idx="1679">
                  <c:v>-7197445.9191855397</c:v>
                </c:pt>
                <c:pt idx="1680">
                  <c:v>-7190964.6105222702</c:v>
                </c:pt>
                <c:pt idx="1681">
                  <c:v>-7155561.38437091</c:v>
                </c:pt>
                <c:pt idx="1682">
                  <c:v>-7156762.3803639803</c:v>
                </c:pt>
                <c:pt idx="1683">
                  <c:v>-7150223.4073601803</c:v>
                </c:pt>
                <c:pt idx="1684">
                  <c:v>-7217988.1575234504</c:v>
                </c:pt>
                <c:pt idx="1685">
                  <c:v>-7196702.0809901496</c:v>
                </c:pt>
                <c:pt idx="1686">
                  <c:v>-7193666.8157746801</c:v>
                </c:pt>
                <c:pt idx="1687">
                  <c:v>-7206289.1084437799</c:v>
                </c:pt>
                <c:pt idx="1688">
                  <c:v>-7212947.1838395903</c:v>
                </c:pt>
                <c:pt idx="1689">
                  <c:v>-7203498.57684974</c:v>
                </c:pt>
                <c:pt idx="1690">
                  <c:v>-7214376.7863358101</c:v>
                </c:pt>
                <c:pt idx="1691">
                  <c:v>-7147323.0560287498</c:v>
                </c:pt>
                <c:pt idx="1692">
                  <c:v>-7168829.9237199398</c:v>
                </c:pt>
                <c:pt idx="1693">
                  <c:v>-7203985.9037789404</c:v>
                </c:pt>
                <c:pt idx="1694">
                  <c:v>-7265410.2190313302</c:v>
                </c:pt>
                <c:pt idx="1695">
                  <c:v>-7256445.6026270296</c:v>
                </c:pt>
                <c:pt idx="1696">
                  <c:v>-7362360.1012031604</c:v>
                </c:pt>
                <c:pt idx="1697">
                  <c:v>-7367773.7608225504</c:v>
                </c:pt>
                <c:pt idx="1698">
                  <c:v>-7349355.2620163597</c:v>
                </c:pt>
                <c:pt idx="1699">
                  <c:v>-7349923.6376118697</c:v>
                </c:pt>
                <c:pt idx="1700">
                  <c:v>-7329744.5210130597</c:v>
                </c:pt>
                <c:pt idx="1701">
                  <c:v>-7320423.0360439299</c:v>
                </c:pt>
                <c:pt idx="1702">
                  <c:v>-7317256.9403710999</c:v>
                </c:pt>
                <c:pt idx="1703">
                  <c:v>-7348384.5792842703</c:v>
                </c:pt>
                <c:pt idx="1704">
                  <c:v>-7359122.4718751004</c:v>
                </c:pt>
                <c:pt idx="1705">
                  <c:v>-7351816.6622205498</c:v>
                </c:pt>
                <c:pt idx="1706">
                  <c:v>-7358060.0218529301</c:v>
                </c:pt>
                <c:pt idx="1707">
                  <c:v>-7299423.00227293</c:v>
                </c:pt>
                <c:pt idx="1708">
                  <c:v>-7297290.6141152997</c:v>
                </c:pt>
                <c:pt idx="1709">
                  <c:v>-7232633.8742378401</c:v>
                </c:pt>
                <c:pt idx="1710">
                  <c:v>-7263440.8698686101</c:v>
                </c:pt>
                <c:pt idx="1711">
                  <c:v>-7256422.3193322197</c:v>
                </c:pt>
                <c:pt idx="1712">
                  <c:v>-7267391.5109560704</c:v>
                </c:pt>
                <c:pt idx="1713">
                  <c:v>-7249156.0131439297</c:v>
                </c:pt>
                <c:pt idx="1714">
                  <c:v>-7250417.4772562599</c:v>
                </c:pt>
                <c:pt idx="1715">
                  <c:v>-7253051.3028239002</c:v>
                </c:pt>
                <c:pt idx="1716">
                  <c:v>-7229621.5921455799</c:v>
                </c:pt>
                <c:pt idx="1717">
                  <c:v>-7285458.1098507196</c:v>
                </c:pt>
                <c:pt idx="1718">
                  <c:v>-7308648.2971890802</c:v>
                </c:pt>
                <c:pt idx="1719">
                  <c:v>-7250283.5971284499</c:v>
                </c:pt>
                <c:pt idx="1720">
                  <c:v>-7253127.6107859602</c:v>
                </c:pt>
                <c:pt idx="1721">
                  <c:v>-7279385.0667514699</c:v>
                </c:pt>
                <c:pt idx="1722">
                  <c:v>-7294780.7102916297</c:v>
                </c:pt>
                <c:pt idx="1723">
                  <c:v>-7318609.5769435503</c:v>
                </c:pt>
                <c:pt idx="1724">
                  <c:v>-7302961.3521323698</c:v>
                </c:pt>
                <c:pt idx="1725">
                  <c:v>-7296628.0224433998</c:v>
                </c:pt>
                <c:pt idx="1726">
                  <c:v>-7295373.2551597003</c:v>
                </c:pt>
                <c:pt idx="1727">
                  <c:v>-7292703.2901208596</c:v>
                </c:pt>
                <c:pt idx="1728">
                  <c:v>-7292754.7962355902</c:v>
                </c:pt>
                <c:pt idx="1729">
                  <c:v>-7304958.47782165</c:v>
                </c:pt>
                <c:pt idx="1730">
                  <c:v>-7271987.3086804701</c:v>
                </c:pt>
                <c:pt idx="1731">
                  <c:v>-7286758.9857240301</c:v>
                </c:pt>
                <c:pt idx="1732">
                  <c:v>-7270440.2598021999</c:v>
                </c:pt>
                <c:pt idx="1733">
                  <c:v>-7331540.7825092198</c:v>
                </c:pt>
                <c:pt idx="1734">
                  <c:v>-7132474.8963874197</c:v>
                </c:pt>
                <c:pt idx="1735">
                  <c:v>-7192868.0778246</c:v>
                </c:pt>
                <c:pt idx="1736">
                  <c:v>-7194350.3795530302</c:v>
                </c:pt>
                <c:pt idx="1737">
                  <c:v>-7276146.9895517798</c:v>
                </c:pt>
                <c:pt idx="1738">
                  <c:v>-7279905.06497344</c:v>
                </c:pt>
                <c:pt idx="1739">
                  <c:v>-7222324.3799557397</c:v>
                </c:pt>
                <c:pt idx="1740">
                  <c:v>-7201124.3631548304</c:v>
                </c:pt>
                <c:pt idx="1741">
                  <c:v>-7234508.9070038702</c:v>
                </c:pt>
                <c:pt idx="1742">
                  <c:v>-7164720.2869148701</c:v>
                </c:pt>
                <c:pt idx="1743">
                  <c:v>-7135096.5852082903</c:v>
                </c:pt>
                <c:pt idx="1744">
                  <c:v>-7150448.0750201698</c:v>
                </c:pt>
                <c:pt idx="1745">
                  <c:v>-7218618.5551482504</c:v>
                </c:pt>
                <c:pt idx="1746">
                  <c:v>-7216581.4779828498</c:v>
                </c:pt>
                <c:pt idx="1747">
                  <c:v>-7218824.1706850296</c:v>
                </c:pt>
                <c:pt idx="1748">
                  <c:v>-7150029.6901802802</c:v>
                </c:pt>
                <c:pt idx="1749">
                  <c:v>-7129953.3515599696</c:v>
                </c:pt>
                <c:pt idx="1750">
                  <c:v>-7109548.8065654896</c:v>
                </c:pt>
                <c:pt idx="1751">
                  <c:v>-7107702.1314634401</c:v>
                </c:pt>
                <c:pt idx="1752">
                  <c:v>-7292985.4766842304</c:v>
                </c:pt>
                <c:pt idx="1753">
                  <c:v>-7273488.9620275004</c:v>
                </c:pt>
                <c:pt idx="1754">
                  <c:v>-7270164.5612842003</c:v>
                </c:pt>
                <c:pt idx="1755">
                  <c:v>-7327765.0478627896</c:v>
                </c:pt>
                <c:pt idx="1756">
                  <c:v>-7338636.2842926504</c:v>
                </c:pt>
                <c:pt idx="1757">
                  <c:v>-7391791.3578613698</c:v>
                </c:pt>
                <c:pt idx="1758">
                  <c:v>-7402994.8550434699</c:v>
                </c:pt>
                <c:pt idx="1759">
                  <c:v>-7410352.4212058503</c:v>
                </c:pt>
                <c:pt idx="1760">
                  <c:v>-7417190.7856517499</c:v>
                </c:pt>
                <c:pt idx="1761">
                  <c:v>-7382729.5706314901</c:v>
                </c:pt>
                <c:pt idx="1762">
                  <c:v>-7296453.9516106499</c:v>
                </c:pt>
                <c:pt idx="1763">
                  <c:v>-7305589.0807470903</c:v>
                </c:pt>
                <c:pt idx="1764">
                  <c:v>-7321421.4955537599</c:v>
                </c:pt>
                <c:pt idx="1765">
                  <c:v>-7342058.4643520098</c:v>
                </c:pt>
                <c:pt idx="1766">
                  <c:v>-7329526.8403597297</c:v>
                </c:pt>
                <c:pt idx="1767">
                  <c:v>-7329526.8403597297</c:v>
                </c:pt>
                <c:pt idx="1768">
                  <c:v>-7333337.8307431601</c:v>
                </c:pt>
                <c:pt idx="1769">
                  <c:v>-7316613.8881597798</c:v>
                </c:pt>
                <c:pt idx="1770">
                  <c:v>-7316077.4868428595</c:v>
                </c:pt>
                <c:pt idx="1771">
                  <c:v>-7325459.8088444602</c:v>
                </c:pt>
                <c:pt idx="1772">
                  <c:v>-7301487.0915810401</c:v>
                </c:pt>
                <c:pt idx="1773">
                  <c:v>-7312756.2205918897</c:v>
                </c:pt>
                <c:pt idx="1774">
                  <c:v>-7313939.6215763502</c:v>
                </c:pt>
                <c:pt idx="1775">
                  <c:v>-7263253.6715657404</c:v>
                </c:pt>
                <c:pt idx="1776">
                  <c:v>-7250042.5154093103</c:v>
                </c:pt>
                <c:pt idx="1777">
                  <c:v>-7248817.6796349501</c:v>
                </c:pt>
                <c:pt idx="1778">
                  <c:v>-7242088.9365231497</c:v>
                </c:pt>
                <c:pt idx="1779">
                  <c:v>-7221626.0498690102</c:v>
                </c:pt>
                <c:pt idx="1780">
                  <c:v>-7256249.8653524499</c:v>
                </c:pt>
                <c:pt idx="1781">
                  <c:v>-7377456.5289648501</c:v>
                </c:pt>
                <c:pt idx="1782">
                  <c:v>-7337872.7732614297</c:v>
                </c:pt>
                <c:pt idx="1783">
                  <c:v>-7328396.1518467898</c:v>
                </c:pt>
                <c:pt idx="1784">
                  <c:v>-7416046.6333515802</c:v>
                </c:pt>
                <c:pt idx="1785">
                  <c:v>-7401911.7716976004</c:v>
                </c:pt>
                <c:pt idx="1786">
                  <c:v>-7432240.733763</c:v>
                </c:pt>
                <c:pt idx="1787">
                  <c:v>-7274507.1504951799</c:v>
                </c:pt>
                <c:pt idx="1788">
                  <c:v>-7425161.3088895697</c:v>
                </c:pt>
                <c:pt idx="1789">
                  <c:v>-7474907.3759756098</c:v>
                </c:pt>
                <c:pt idx="1790">
                  <c:v>-7479442.5966569697</c:v>
                </c:pt>
                <c:pt idx="1791">
                  <c:v>-7411889.7611714303</c:v>
                </c:pt>
                <c:pt idx="1792">
                  <c:v>-7413429.4709638199</c:v>
                </c:pt>
                <c:pt idx="1793">
                  <c:v>-7418249.3691048799</c:v>
                </c:pt>
                <c:pt idx="1794">
                  <c:v>-7417284.6436219001</c:v>
                </c:pt>
                <c:pt idx="1795">
                  <c:v>-7473934.1046789801</c:v>
                </c:pt>
                <c:pt idx="1796">
                  <c:v>-7482201.4211934004</c:v>
                </c:pt>
                <c:pt idx="1797">
                  <c:v>-7490748.64913736</c:v>
                </c:pt>
                <c:pt idx="1798">
                  <c:v>-7498846.0096654696</c:v>
                </c:pt>
                <c:pt idx="1799">
                  <c:v>-7449905.4834884796</c:v>
                </c:pt>
                <c:pt idx="1800">
                  <c:v>-7453995.0496462705</c:v>
                </c:pt>
                <c:pt idx="1801">
                  <c:v>-7505285.0114394901</c:v>
                </c:pt>
                <c:pt idx="1802">
                  <c:v>-7501593.6493119402</c:v>
                </c:pt>
                <c:pt idx="1803">
                  <c:v>-7397569.3255952904</c:v>
                </c:pt>
                <c:pt idx="1804">
                  <c:v>-7377351.1011608103</c:v>
                </c:pt>
                <c:pt idx="1805">
                  <c:v>-7347548.58305459</c:v>
                </c:pt>
                <c:pt idx="1806">
                  <c:v>-7355271.0309634497</c:v>
                </c:pt>
                <c:pt idx="1807">
                  <c:v>-7380307.2010345897</c:v>
                </c:pt>
                <c:pt idx="1808">
                  <c:v>-7375740.4022762002</c:v>
                </c:pt>
                <c:pt idx="1809">
                  <c:v>-7377720.6077079698</c:v>
                </c:pt>
                <c:pt idx="1810">
                  <c:v>-7365929.4933306696</c:v>
                </c:pt>
                <c:pt idx="1811">
                  <c:v>-7357809.2131833499</c:v>
                </c:pt>
                <c:pt idx="1812">
                  <c:v>-7378676.1591192596</c:v>
                </c:pt>
                <c:pt idx="1813">
                  <c:v>-7397426.6058900496</c:v>
                </c:pt>
                <c:pt idx="1814">
                  <c:v>-7372510.4496489596</c:v>
                </c:pt>
                <c:pt idx="1815">
                  <c:v>-7336922.5774611998</c:v>
                </c:pt>
                <c:pt idx="1816">
                  <c:v>-7316836.2186477203</c:v>
                </c:pt>
                <c:pt idx="1817">
                  <c:v>-7318972.5747330096</c:v>
                </c:pt>
                <c:pt idx="1818">
                  <c:v>-7311098.0013202997</c:v>
                </c:pt>
                <c:pt idx="1819">
                  <c:v>-7297438.0367936697</c:v>
                </c:pt>
                <c:pt idx="1820">
                  <c:v>-7301150.0945378896</c:v>
                </c:pt>
                <c:pt idx="1821">
                  <c:v>-7236493.8499982404</c:v>
                </c:pt>
                <c:pt idx="1822">
                  <c:v>-7180883.1109763598</c:v>
                </c:pt>
                <c:pt idx="1823">
                  <c:v>-7191685.5660818899</c:v>
                </c:pt>
                <c:pt idx="1824">
                  <c:v>-7189468.9483964602</c:v>
                </c:pt>
                <c:pt idx="1825">
                  <c:v>-7200037.6436708998</c:v>
                </c:pt>
                <c:pt idx="1826">
                  <c:v>-7321783.1943390304</c:v>
                </c:pt>
                <c:pt idx="1827">
                  <c:v>-7338803.0296619097</c:v>
                </c:pt>
                <c:pt idx="1828">
                  <c:v>-7297851.7625139104</c:v>
                </c:pt>
                <c:pt idx="1829">
                  <c:v>-7354679.1435227497</c:v>
                </c:pt>
                <c:pt idx="1830">
                  <c:v>-7360076.8350822898</c:v>
                </c:pt>
                <c:pt idx="1831">
                  <c:v>-7363356.2391207404</c:v>
                </c:pt>
                <c:pt idx="1832">
                  <c:v>-7389217.3988280399</c:v>
                </c:pt>
                <c:pt idx="1833">
                  <c:v>-7403727.4321647203</c:v>
                </c:pt>
                <c:pt idx="1834">
                  <c:v>-7418782.7808855101</c:v>
                </c:pt>
                <c:pt idx="1835">
                  <c:v>-7379382.8917651102</c:v>
                </c:pt>
                <c:pt idx="1836">
                  <c:v>-7375161.4450886101</c:v>
                </c:pt>
                <c:pt idx="1837">
                  <c:v>-7366089.9166551596</c:v>
                </c:pt>
                <c:pt idx="1838">
                  <c:v>-7351667.88674754</c:v>
                </c:pt>
                <c:pt idx="1839">
                  <c:v>-7418035.4502399201</c:v>
                </c:pt>
                <c:pt idx="1840">
                  <c:v>-7431959.9676897796</c:v>
                </c:pt>
                <c:pt idx="1841">
                  <c:v>-7376527.6433335897</c:v>
                </c:pt>
                <c:pt idx="1842">
                  <c:v>-7365357.4872612404</c:v>
                </c:pt>
                <c:pt idx="1843">
                  <c:v>-7321834.7854334302</c:v>
                </c:pt>
                <c:pt idx="1844">
                  <c:v>-7295857.7511827098</c:v>
                </c:pt>
                <c:pt idx="1845">
                  <c:v>-7295456.4786472199</c:v>
                </c:pt>
                <c:pt idx="1846">
                  <c:v>-7284182.4443997703</c:v>
                </c:pt>
                <c:pt idx="1847">
                  <c:v>-7277679.5731021101</c:v>
                </c:pt>
                <c:pt idx="1848">
                  <c:v>-7298020.5756751401</c:v>
                </c:pt>
                <c:pt idx="1849">
                  <c:v>-7302215.2909374302</c:v>
                </c:pt>
                <c:pt idx="1850">
                  <c:v>-7298277.9737889497</c:v>
                </c:pt>
                <c:pt idx="1851">
                  <c:v>-7294096.6549976896</c:v>
                </c:pt>
                <c:pt idx="1852">
                  <c:v>-7252681.1903997501</c:v>
                </c:pt>
                <c:pt idx="1853">
                  <c:v>-7345439.1642648699</c:v>
                </c:pt>
                <c:pt idx="1854">
                  <c:v>-7351086.6152812</c:v>
                </c:pt>
                <c:pt idx="1855">
                  <c:v>-7219950.3795487899</c:v>
                </c:pt>
                <c:pt idx="1856">
                  <c:v>-7240377.2603588104</c:v>
                </c:pt>
                <c:pt idx="1857">
                  <c:v>-7217951.332227</c:v>
                </c:pt>
                <c:pt idx="1858">
                  <c:v>-7273352.6996210199</c:v>
                </c:pt>
                <c:pt idx="1859">
                  <c:v>-7369037.8250538902</c:v>
                </c:pt>
                <c:pt idx="1860">
                  <c:v>-7348038.0876981895</c:v>
                </c:pt>
                <c:pt idx="1861">
                  <c:v>-7399419.78171694</c:v>
                </c:pt>
                <c:pt idx="1862">
                  <c:v>-7364029.4550043195</c:v>
                </c:pt>
                <c:pt idx="1863">
                  <c:v>-7348945.8928452097</c:v>
                </c:pt>
                <c:pt idx="1864">
                  <c:v>-7343946.1482400699</c:v>
                </c:pt>
                <c:pt idx="1865">
                  <c:v>-7263377.8784419904</c:v>
                </c:pt>
                <c:pt idx="1866">
                  <c:v>-7296545.2416433701</c:v>
                </c:pt>
                <c:pt idx="1867">
                  <c:v>-7290555.1546344701</c:v>
                </c:pt>
                <c:pt idx="1868">
                  <c:v>-7238249.5307216402</c:v>
                </c:pt>
                <c:pt idx="1869">
                  <c:v>-7279799.9367193896</c:v>
                </c:pt>
                <c:pt idx="1870">
                  <c:v>-7277388.4120903797</c:v>
                </c:pt>
                <c:pt idx="1871">
                  <c:v>-7204680.2502198201</c:v>
                </c:pt>
                <c:pt idx="1872">
                  <c:v>-7223592.1105504297</c:v>
                </c:pt>
                <c:pt idx="1873">
                  <c:v>-7226357.7640833799</c:v>
                </c:pt>
                <c:pt idx="1874">
                  <c:v>-7265130.84321169</c:v>
                </c:pt>
                <c:pt idx="1875">
                  <c:v>-7266951.2063205298</c:v>
                </c:pt>
                <c:pt idx="1876">
                  <c:v>-7232443.1031412696</c:v>
                </c:pt>
                <c:pt idx="1877">
                  <c:v>-7228469.0977923898</c:v>
                </c:pt>
                <c:pt idx="1878">
                  <c:v>-7147964.0044029998</c:v>
                </c:pt>
                <c:pt idx="1879">
                  <c:v>-7153845.5773704704</c:v>
                </c:pt>
                <c:pt idx="1880">
                  <c:v>-7197675.6924393401</c:v>
                </c:pt>
                <c:pt idx="1881">
                  <c:v>-7213705.8663635002</c:v>
                </c:pt>
                <c:pt idx="1882">
                  <c:v>-7206811.5889029996</c:v>
                </c:pt>
                <c:pt idx="1883">
                  <c:v>-7209880.1190509796</c:v>
                </c:pt>
                <c:pt idx="1884">
                  <c:v>-7225095.6280058501</c:v>
                </c:pt>
                <c:pt idx="1885">
                  <c:v>-7223996.2695581997</c:v>
                </c:pt>
                <c:pt idx="1886">
                  <c:v>-7266858.0820026202</c:v>
                </c:pt>
                <c:pt idx="1887">
                  <c:v>-7238365.5902335597</c:v>
                </c:pt>
                <c:pt idx="1888">
                  <c:v>-7253783.6080459403</c:v>
                </c:pt>
                <c:pt idx="1889">
                  <c:v>-7234654.8938632496</c:v>
                </c:pt>
                <c:pt idx="1890">
                  <c:v>-7263990.90725883</c:v>
                </c:pt>
                <c:pt idx="1891">
                  <c:v>-7277118.5793562401</c:v>
                </c:pt>
                <c:pt idx="1892">
                  <c:v>-7261089.8852216098</c:v>
                </c:pt>
                <c:pt idx="1893">
                  <c:v>-7263992.1292568799</c:v>
                </c:pt>
                <c:pt idx="1894">
                  <c:v>-7269600.9291422097</c:v>
                </c:pt>
                <c:pt idx="1895">
                  <c:v>-7158371.8121074997</c:v>
                </c:pt>
                <c:pt idx="1896">
                  <c:v>-7095961.8274539402</c:v>
                </c:pt>
                <c:pt idx="1897">
                  <c:v>-7130148.2497292198</c:v>
                </c:pt>
                <c:pt idx="1898">
                  <c:v>-7134121.93424513</c:v>
                </c:pt>
                <c:pt idx="1899">
                  <c:v>-7142727.7126099598</c:v>
                </c:pt>
                <c:pt idx="1900">
                  <c:v>-7101996.0066342298</c:v>
                </c:pt>
                <c:pt idx="1901">
                  <c:v>-7070721.3453738196</c:v>
                </c:pt>
                <c:pt idx="1902">
                  <c:v>-7013142.5084047504</c:v>
                </c:pt>
                <c:pt idx="1903">
                  <c:v>-6999485.4504958699</c:v>
                </c:pt>
                <c:pt idx="1904">
                  <c:v>-6981375.4417641703</c:v>
                </c:pt>
                <c:pt idx="1905">
                  <c:v>-6976329.4469624599</c:v>
                </c:pt>
                <c:pt idx="1906">
                  <c:v>-7069506.7476186398</c:v>
                </c:pt>
                <c:pt idx="1907">
                  <c:v>-7094962.7263371898</c:v>
                </c:pt>
                <c:pt idx="1908">
                  <c:v>-7092658.76107613</c:v>
                </c:pt>
                <c:pt idx="1909">
                  <c:v>-7140525.1201830404</c:v>
                </c:pt>
                <c:pt idx="1910">
                  <c:v>-7140525.1201830404</c:v>
                </c:pt>
                <c:pt idx="1911">
                  <c:v>-7133322.9369078903</c:v>
                </c:pt>
                <c:pt idx="1912">
                  <c:v>-7142252.8805734403</c:v>
                </c:pt>
                <c:pt idx="1913">
                  <c:v>-7126937.72442545</c:v>
                </c:pt>
                <c:pt idx="1914">
                  <c:v>-7125313.9483144497</c:v>
                </c:pt>
                <c:pt idx="1915">
                  <c:v>-7086459.4206038304</c:v>
                </c:pt>
                <c:pt idx="1916">
                  <c:v>-7125768.0034142695</c:v>
                </c:pt>
                <c:pt idx="1917">
                  <c:v>-7144116.0967602804</c:v>
                </c:pt>
                <c:pt idx="1918">
                  <c:v>-7090718.4834855702</c:v>
                </c:pt>
                <c:pt idx="1919">
                  <c:v>-7073864.1194825098</c:v>
                </c:pt>
                <c:pt idx="1920">
                  <c:v>-7073597.4403665103</c:v>
                </c:pt>
                <c:pt idx="1921">
                  <c:v>-7114001.1633088803</c:v>
                </c:pt>
                <c:pt idx="1922">
                  <c:v>-7109740.4157182099</c:v>
                </c:pt>
                <c:pt idx="1923">
                  <c:v>-7113022.5393963195</c:v>
                </c:pt>
                <c:pt idx="1924">
                  <c:v>-7175005.3031216096</c:v>
                </c:pt>
                <c:pt idx="1925">
                  <c:v>-7185566.8714818796</c:v>
                </c:pt>
                <c:pt idx="1926">
                  <c:v>-7190772.0493323002</c:v>
                </c:pt>
                <c:pt idx="1927">
                  <c:v>-7057424.2723056301</c:v>
                </c:pt>
                <c:pt idx="1928">
                  <c:v>-7098199.9093837496</c:v>
                </c:pt>
                <c:pt idx="1929">
                  <c:v>-7118372.2982544601</c:v>
                </c:pt>
                <c:pt idx="1930">
                  <c:v>-7110758.8314478602</c:v>
                </c:pt>
                <c:pt idx="1931">
                  <c:v>-7109367.2906403197</c:v>
                </c:pt>
                <c:pt idx="1932">
                  <c:v>-7117361.0693779001</c:v>
                </c:pt>
                <c:pt idx="1933">
                  <c:v>-7110327.7597698402</c:v>
                </c:pt>
                <c:pt idx="1934">
                  <c:v>-7026074.7377730403</c:v>
                </c:pt>
                <c:pt idx="1935">
                  <c:v>-7025305.1921626702</c:v>
                </c:pt>
                <c:pt idx="1936">
                  <c:v>-7047517.8269525897</c:v>
                </c:pt>
                <c:pt idx="1937">
                  <c:v>-6973470.8271276597</c:v>
                </c:pt>
                <c:pt idx="1938">
                  <c:v>-6974776.6706117103</c:v>
                </c:pt>
                <c:pt idx="1939">
                  <c:v>-6978380.9633175498</c:v>
                </c:pt>
                <c:pt idx="1940">
                  <c:v>-6987130.44769827</c:v>
                </c:pt>
                <c:pt idx="1941">
                  <c:v>-6981584.84459271</c:v>
                </c:pt>
                <c:pt idx="1942">
                  <c:v>-7008201.00252135</c:v>
                </c:pt>
                <c:pt idx="1943">
                  <c:v>-7006650.3416182203</c:v>
                </c:pt>
                <c:pt idx="1944">
                  <c:v>-7018760.7642266704</c:v>
                </c:pt>
                <c:pt idx="1945">
                  <c:v>-7159089.8021593299</c:v>
                </c:pt>
                <c:pt idx="1946">
                  <c:v>-7137571.1011949498</c:v>
                </c:pt>
                <c:pt idx="1947">
                  <c:v>-7151272.0116756102</c:v>
                </c:pt>
                <c:pt idx="1948">
                  <c:v>-7003572.6133682001</c:v>
                </c:pt>
                <c:pt idx="1949">
                  <c:v>-6961349.7692439603</c:v>
                </c:pt>
                <c:pt idx="1950">
                  <c:v>-6905260.8659574399</c:v>
                </c:pt>
                <c:pt idx="1951">
                  <c:v>-6905110.94003224</c:v>
                </c:pt>
                <c:pt idx="1952">
                  <c:v>-6905978.2926399801</c:v>
                </c:pt>
                <c:pt idx="1953">
                  <c:v>-6906996.79551748</c:v>
                </c:pt>
                <c:pt idx="1954">
                  <c:v>-6911287.5411706297</c:v>
                </c:pt>
                <c:pt idx="1955">
                  <c:v>-6910906.1101002702</c:v>
                </c:pt>
                <c:pt idx="1956">
                  <c:v>-6927271.3749864995</c:v>
                </c:pt>
                <c:pt idx="1957">
                  <c:v>-6925179.8750627199</c:v>
                </c:pt>
                <c:pt idx="1958">
                  <c:v>-6911305.5317952503</c:v>
                </c:pt>
                <c:pt idx="1959">
                  <c:v>-6914289.9388259798</c:v>
                </c:pt>
                <c:pt idx="1960">
                  <c:v>-6875069.5709544998</c:v>
                </c:pt>
                <c:pt idx="1961">
                  <c:v>-6912054.9021337302</c:v>
                </c:pt>
                <c:pt idx="1962">
                  <c:v>-6903163.7421026304</c:v>
                </c:pt>
                <c:pt idx="1963">
                  <c:v>-6858683.0921312897</c:v>
                </c:pt>
                <c:pt idx="1964">
                  <c:v>-6878003.4964968599</c:v>
                </c:pt>
                <c:pt idx="1965">
                  <c:v>-6901117.69595131</c:v>
                </c:pt>
                <c:pt idx="1966">
                  <c:v>-6934400.2223614901</c:v>
                </c:pt>
                <c:pt idx="1967">
                  <c:v>-6940796.02961588</c:v>
                </c:pt>
                <c:pt idx="1968">
                  <c:v>-6908524.85563761</c:v>
                </c:pt>
                <c:pt idx="1969">
                  <c:v>-6905222.6385500599</c:v>
                </c:pt>
                <c:pt idx="1970">
                  <c:v>-6907256.8758979104</c:v>
                </c:pt>
                <c:pt idx="1971">
                  <c:v>-6904453.0934669003</c:v>
                </c:pt>
                <c:pt idx="1972">
                  <c:v>-6981784.2243845202</c:v>
                </c:pt>
                <c:pt idx="1973">
                  <c:v>-6960810.9810583396</c:v>
                </c:pt>
                <c:pt idx="1974">
                  <c:v>-7008317.2490684902</c:v>
                </c:pt>
                <c:pt idx="1975">
                  <c:v>-7053704.7106053503</c:v>
                </c:pt>
                <c:pt idx="1976">
                  <c:v>-7116484.2513311096</c:v>
                </c:pt>
                <c:pt idx="1977">
                  <c:v>-7124347.7629727703</c:v>
                </c:pt>
                <c:pt idx="1978">
                  <c:v>-7288739.1475500101</c:v>
                </c:pt>
                <c:pt idx="1979">
                  <c:v>-7283539.3294348298</c:v>
                </c:pt>
                <c:pt idx="1980">
                  <c:v>-7140660.3115130803</c:v>
                </c:pt>
                <c:pt idx="1981">
                  <c:v>-7054568.3777576098</c:v>
                </c:pt>
                <c:pt idx="1982">
                  <c:v>-7044866.8999304203</c:v>
                </c:pt>
                <c:pt idx="1983">
                  <c:v>-7030651.1165649705</c:v>
                </c:pt>
                <c:pt idx="1984">
                  <c:v>-7039140.4602376502</c:v>
                </c:pt>
                <c:pt idx="1985">
                  <c:v>-7037647.1696138596</c:v>
                </c:pt>
                <c:pt idx="1986">
                  <c:v>-7020329.9000673303</c:v>
                </c:pt>
                <c:pt idx="1987">
                  <c:v>-7024277.3402192798</c:v>
                </c:pt>
                <c:pt idx="1988">
                  <c:v>-7009146.3027991001</c:v>
                </c:pt>
                <c:pt idx="1989">
                  <c:v>-7004674.8573369896</c:v>
                </c:pt>
                <c:pt idx="1990">
                  <c:v>-6910967.3077302296</c:v>
                </c:pt>
                <c:pt idx="1991">
                  <c:v>-6924824.4094644198</c:v>
                </c:pt>
                <c:pt idx="1992">
                  <c:v>-6940290.8532298598</c:v>
                </c:pt>
                <c:pt idx="1993">
                  <c:v>-6936092.3681763504</c:v>
                </c:pt>
                <c:pt idx="1994">
                  <c:v>-6908878.0372181498</c:v>
                </c:pt>
                <c:pt idx="1995">
                  <c:v>-6987910.0453697098</c:v>
                </c:pt>
                <c:pt idx="1996">
                  <c:v>-7000400.9600712499</c:v>
                </c:pt>
                <c:pt idx="1997">
                  <c:v>-7019773.4013704797</c:v>
                </c:pt>
                <c:pt idx="1998">
                  <c:v>-7044125.8088326398</c:v>
                </c:pt>
                <c:pt idx="1999">
                  <c:v>-7038111.2838475201</c:v>
                </c:pt>
                <c:pt idx="2000">
                  <c:v>-7019832.6074721497</c:v>
                </c:pt>
                <c:pt idx="2001">
                  <c:v>-7033212.2729217997</c:v>
                </c:pt>
                <c:pt idx="2002">
                  <c:v>-7038023.3394227996</c:v>
                </c:pt>
                <c:pt idx="2003">
                  <c:v>-7037800.7037858302</c:v>
                </c:pt>
                <c:pt idx="2004">
                  <c:v>-7093822.3699924704</c:v>
                </c:pt>
                <c:pt idx="2005">
                  <c:v>-6981669.8713383405</c:v>
                </c:pt>
                <c:pt idx="2006">
                  <c:v>-6981061.6546896398</c:v>
                </c:pt>
                <c:pt idx="2007">
                  <c:v>-6942173.6859132303</c:v>
                </c:pt>
                <c:pt idx="2008">
                  <c:v>-6989230.6956725204</c:v>
                </c:pt>
                <c:pt idx="2009">
                  <c:v>-6937241.9526151503</c:v>
                </c:pt>
                <c:pt idx="2010">
                  <c:v>-6927066.3248755801</c:v>
                </c:pt>
                <c:pt idx="2011">
                  <c:v>-6929956.2046418302</c:v>
                </c:pt>
                <c:pt idx="2012">
                  <c:v>-6917943.8520713598</c:v>
                </c:pt>
                <c:pt idx="2013">
                  <c:v>-6926973.1754919598</c:v>
                </c:pt>
                <c:pt idx="2014">
                  <c:v>-6922289.3681391701</c:v>
                </c:pt>
                <c:pt idx="2015">
                  <c:v>-7006147.7444100501</c:v>
                </c:pt>
                <c:pt idx="2016">
                  <c:v>-6991024.6608575303</c:v>
                </c:pt>
                <c:pt idx="2017">
                  <c:v>-6998783.69029631</c:v>
                </c:pt>
                <c:pt idx="2018">
                  <c:v>-7003250.6708992403</c:v>
                </c:pt>
                <c:pt idx="2019">
                  <c:v>-7088167.3896173602</c:v>
                </c:pt>
                <c:pt idx="2020">
                  <c:v>-7174252.8222019002</c:v>
                </c:pt>
                <c:pt idx="2021">
                  <c:v>-7174252.8222019002</c:v>
                </c:pt>
                <c:pt idx="2022">
                  <c:v>-7133701.0475619202</c:v>
                </c:pt>
                <c:pt idx="2023">
                  <c:v>-7148747.6925525302</c:v>
                </c:pt>
                <c:pt idx="2024">
                  <c:v>-7142899.8677581204</c:v>
                </c:pt>
                <c:pt idx="2025">
                  <c:v>-6992731.89493139</c:v>
                </c:pt>
                <c:pt idx="2026">
                  <c:v>-6950731.5671254098</c:v>
                </c:pt>
                <c:pt idx="2027">
                  <c:v>-6959625.2973226802</c:v>
                </c:pt>
                <c:pt idx="2028">
                  <c:v>-6920276.4487586096</c:v>
                </c:pt>
                <c:pt idx="2029">
                  <c:v>-6926395.1891201204</c:v>
                </c:pt>
                <c:pt idx="2030">
                  <c:v>-6924976.4697122397</c:v>
                </c:pt>
                <c:pt idx="2031">
                  <c:v>-6924307.8939972101</c:v>
                </c:pt>
                <c:pt idx="2032">
                  <c:v>-7059334.2878251998</c:v>
                </c:pt>
                <c:pt idx="2033">
                  <c:v>-7025566.6122121401</c:v>
                </c:pt>
                <c:pt idx="2034">
                  <c:v>-6954041.9436013596</c:v>
                </c:pt>
                <c:pt idx="2035">
                  <c:v>-6972113.4108100003</c:v>
                </c:pt>
                <c:pt idx="2036">
                  <c:v>-6954662.5919584902</c:v>
                </c:pt>
                <c:pt idx="2037">
                  <c:v>-6978911.0854572402</c:v>
                </c:pt>
                <c:pt idx="2038">
                  <c:v>-6976775.7528775902</c:v>
                </c:pt>
                <c:pt idx="2039">
                  <c:v>-6958167.7444539601</c:v>
                </c:pt>
                <c:pt idx="2040">
                  <c:v>-6908939.7500943402</c:v>
                </c:pt>
                <c:pt idx="2041">
                  <c:v>-6911301.8704179302</c:v>
                </c:pt>
                <c:pt idx="2042">
                  <c:v>-6902072.70807401</c:v>
                </c:pt>
                <c:pt idx="2043">
                  <c:v>-6995208.8517973498</c:v>
                </c:pt>
                <c:pt idx="2044">
                  <c:v>-6968931.3901454899</c:v>
                </c:pt>
                <c:pt idx="2045">
                  <c:v>-7081699.6861669496</c:v>
                </c:pt>
                <c:pt idx="2046">
                  <c:v>-7094894.3995378101</c:v>
                </c:pt>
                <c:pt idx="2047">
                  <c:v>-7081854.9770432096</c:v>
                </c:pt>
                <c:pt idx="2048">
                  <c:v>-7074402.8872383405</c:v>
                </c:pt>
                <c:pt idx="2049">
                  <c:v>-7062337.9313051496</c:v>
                </c:pt>
                <c:pt idx="2050">
                  <c:v>-6987202.9679555902</c:v>
                </c:pt>
                <c:pt idx="2051">
                  <c:v>-6931669.7532411097</c:v>
                </c:pt>
                <c:pt idx="2052">
                  <c:v>-6898214.0892193597</c:v>
                </c:pt>
                <c:pt idx="2053">
                  <c:v>-7008611.3866262799</c:v>
                </c:pt>
                <c:pt idx="2054">
                  <c:v>-7008878.3135872399</c:v>
                </c:pt>
                <c:pt idx="2055">
                  <c:v>-7010338.1124409297</c:v>
                </c:pt>
                <c:pt idx="2056">
                  <c:v>-6938339.0456561698</c:v>
                </c:pt>
                <c:pt idx="2057">
                  <c:v>-6937518.2994686002</c:v>
                </c:pt>
                <c:pt idx="2058">
                  <c:v>-6935243.0029217703</c:v>
                </c:pt>
                <c:pt idx="2059">
                  <c:v>-6942705.3712963797</c:v>
                </c:pt>
                <c:pt idx="2060">
                  <c:v>-6942673.6629049703</c:v>
                </c:pt>
                <c:pt idx="2061">
                  <c:v>-6930908.2685339097</c:v>
                </c:pt>
                <c:pt idx="2062">
                  <c:v>-6930689.8206503596</c:v>
                </c:pt>
                <c:pt idx="2063">
                  <c:v>-7023000.1231154399</c:v>
                </c:pt>
                <c:pt idx="2064">
                  <c:v>-7025545.4478552798</c:v>
                </c:pt>
                <c:pt idx="2065">
                  <c:v>-7030260.1174823698</c:v>
                </c:pt>
                <c:pt idx="2066">
                  <c:v>-7002790.9984418396</c:v>
                </c:pt>
                <c:pt idx="2067">
                  <c:v>-7012808.8799311602</c:v>
                </c:pt>
                <c:pt idx="2068">
                  <c:v>-7016404.9842306701</c:v>
                </c:pt>
                <c:pt idx="2069">
                  <c:v>-7033909.6725675603</c:v>
                </c:pt>
                <c:pt idx="2070">
                  <c:v>-7053609.7968399804</c:v>
                </c:pt>
                <c:pt idx="2071">
                  <c:v>-7046350.25110796</c:v>
                </c:pt>
                <c:pt idx="2072">
                  <c:v>-7066908.0018068301</c:v>
                </c:pt>
                <c:pt idx="2073">
                  <c:v>-7056444.4046902899</c:v>
                </c:pt>
                <c:pt idx="2074">
                  <c:v>-7057684.5742855603</c:v>
                </c:pt>
                <c:pt idx="2075">
                  <c:v>-7061924.6562719699</c:v>
                </c:pt>
                <c:pt idx="2076">
                  <c:v>-7052483.5792226</c:v>
                </c:pt>
                <c:pt idx="2077">
                  <c:v>-6980255.7587074703</c:v>
                </c:pt>
                <c:pt idx="2078">
                  <c:v>-7003643.7210494103</c:v>
                </c:pt>
                <c:pt idx="2079">
                  <c:v>-6922698.1351264697</c:v>
                </c:pt>
                <c:pt idx="2080">
                  <c:v>-6922598.1113200001</c:v>
                </c:pt>
                <c:pt idx="2081">
                  <c:v>-6933485.1044519199</c:v>
                </c:pt>
                <c:pt idx="2082">
                  <c:v>-6934730.6542352103</c:v>
                </c:pt>
                <c:pt idx="2083">
                  <c:v>-6890180.9031828297</c:v>
                </c:pt>
                <c:pt idx="2084">
                  <c:v>-6914249.2461297996</c:v>
                </c:pt>
                <c:pt idx="2085">
                  <c:v>-6902105.2201478695</c:v>
                </c:pt>
                <c:pt idx="2086">
                  <c:v>-6913499.6910658004</c:v>
                </c:pt>
                <c:pt idx="2087">
                  <c:v>-6954626.4047077801</c:v>
                </c:pt>
                <c:pt idx="2088">
                  <c:v>-7025040.4932259098</c:v>
                </c:pt>
                <c:pt idx="2089">
                  <c:v>-7044997.9525054405</c:v>
                </c:pt>
                <c:pt idx="2090">
                  <c:v>-7001020.59438047</c:v>
                </c:pt>
                <c:pt idx="2091">
                  <c:v>-7001943.4214180904</c:v>
                </c:pt>
                <c:pt idx="2092">
                  <c:v>-7023312.7364247497</c:v>
                </c:pt>
                <c:pt idx="2093">
                  <c:v>-7142840.2151892902</c:v>
                </c:pt>
                <c:pt idx="2094">
                  <c:v>-7164467.2940211203</c:v>
                </c:pt>
                <c:pt idx="2095">
                  <c:v>-7058657.5365101602</c:v>
                </c:pt>
                <c:pt idx="2096">
                  <c:v>-7049185.6276122499</c:v>
                </c:pt>
                <c:pt idx="2097">
                  <c:v>-7042944.3305786196</c:v>
                </c:pt>
                <c:pt idx="2098">
                  <c:v>-7033558.1149102701</c:v>
                </c:pt>
                <c:pt idx="2099">
                  <c:v>-7033354.2196039399</c:v>
                </c:pt>
                <c:pt idx="2100">
                  <c:v>-6995755.5788423102</c:v>
                </c:pt>
                <c:pt idx="2101">
                  <c:v>-7006569.0668014996</c:v>
                </c:pt>
                <c:pt idx="2102">
                  <c:v>-7205152.2615049304</c:v>
                </c:pt>
                <c:pt idx="2103">
                  <c:v>-7210078.6725818804</c:v>
                </c:pt>
                <c:pt idx="2104">
                  <c:v>-7019072.8675995404</c:v>
                </c:pt>
                <c:pt idx="2105">
                  <c:v>-7057628.4327232502</c:v>
                </c:pt>
                <c:pt idx="2106">
                  <c:v>-7081618.6726239901</c:v>
                </c:pt>
                <c:pt idx="2107">
                  <c:v>-7042487.8197192196</c:v>
                </c:pt>
                <c:pt idx="2108">
                  <c:v>-7047224.10058665</c:v>
                </c:pt>
                <c:pt idx="2109">
                  <c:v>-7043735.0885755299</c:v>
                </c:pt>
                <c:pt idx="2110">
                  <c:v>-7056222.33894087</c:v>
                </c:pt>
                <c:pt idx="2111">
                  <c:v>-7047666.7150808796</c:v>
                </c:pt>
                <c:pt idx="2112">
                  <c:v>-6923186.6356869498</c:v>
                </c:pt>
                <c:pt idx="2113">
                  <c:v>-7028702.1774148</c:v>
                </c:pt>
                <c:pt idx="2114">
                  <c:v>-7042160.9297547098</c:v>
                </c:pt>
                <c:pt idx="2115">
                  <c:v>-7023812.4711933602</c:v>
                </c:pt>
                <c:pt idx="2116">
                  <c:v>-7024543.5344626997</c:v>
                </c:pt>
                <c:pt idx="2117">
                  <c:v>-6985297.3097465904</c:v>
                </c:pt>
                <c:pt idx="2118">
                  <c:v>-6978031.5951787001</c:v>
                </c:pt>
                <c:pt idx="2119">
                  <c:v>-6978198.7201554496</c:v>
                </c:pt>
                <c:pt idx="2120">
                  <c:v>-6990696.0634754496</c:v>
                </c:pt>
                <c:pt idx="2121">
                  <c:v>-7011494.5113589801</c:v>
                </c:pt>
                <c:pt idx="2122">
                  <c:v>-7012352.9235531604</c:v>
                </c:pt>
                <c:pt idx="2123">
                  <c:v>-7034105.9882679097</c:v>
                </c:pt>
                <c:pt idx="2124">
                  <c:v>-7030882.27218113</c:v>
                </c:pt>
                <c:pt idx="2125">
                  <c:v>-7030882.27218113</c:v>
                </c:pt>
                <c:pt idx="2126">
                  <c:v>-7039085.06283266</c:v>
                </c:pt>
                <c:pt idx="2127">
                  <c:v>-7019681.34338996</c:v>
                </c:pt>
                <c:pt idx="2128">
                  <c:v>-7025334.4917567503</c:v>
                </c:pt>
                <c:pt idx="2129">
                  <c:v>-7012699.7643031096</c:v>
                </c:pt>
                <c:pt idx="2130">
                  <c:v>-6990950.6994909802</c:v>
                </c:pt>
                <c:pt idx="2131">
                  <c:v>-6927979.5748017197</c:v>
                </c:pt>
                <c:pt idx="2132">
                  <c:v>-7016070.02273094</c:v>
                </c:pt>
                <c:pt idx="2133">
                  <c:v>-6988111.30153671</c:v>
                </c:pt>
                <c:pt idx="2134">
                  <c:v>-6956749.8493171902</c:v>
                </c:pt>
                <c:pt idx="2135">
                  <c:v>-6959313.9815519303</c:v>
                </c:pt>
                <c:pt idx="2136">
                  <c:v>-6994052.6375754904</c:v>
                </c:pt>
                <c:pt idx="2137">
                  <c:v>-6964673.9360151403</c:v>
                </c:pt>
                <c:pt idx="2138">
                  <c:v>-6961564.1461471897</c:v>
                </c:pt>
                <c:pt idx="2139">
                  <c:v>-6958419.0294487504</c:v>
                </c:pt>
                <c:pt idx="2140">
                  <c:v>-6970865.41240629</c:v>
                </c:pt>
                <c:pt idx="2141">
                  <c:v>-6974320.65801886</c:v>
                </c:pt>
                <c:pt idx="2142">
                  <c:v>-6970396.72970716</c:v>
                </c:pt>
                <c:pt idx="2143">
                  <c:v>-6971800.6233820403</c:v>
                </c:pt>
                <c:pt idx="2144">
                  <c:v>-6962691.3704937501</c:v>
                </c:pt>
                <c:pt idx="2145">
                  <c:v>-7015989.9977156203</c:v>
                </c:pt>
                <c:pt idx="2146">
                  <c:v>-7001433.1147529902</c:v>
                </c:pt>
                <c:pt idx="2147">
                  <c:v>-7004891.4082980901</c:v>
                </c:pt>
                <c:pt idx="2148">
                  <c:v>-6957421.1895218799</c:v>
                </c:pt>
                <c:pt idx="2149">
                  <c:v>-6981317.1359005896</c:v>
                </c:pt>
                <c:pt idx="2150">
                  <c:v>-6958030.7419173699</c:v>
                </c:pt>
                <c:pt idx="2151">
                  <c:v>-6956176.6905945698</c:v>
                </c:pt>
                <c:pt idx="2152">
                  <c:v>-6966526.50494307</c:v>
                </c:pt>
                <c:pt idx="2153">
                  <c:v>-6965437.09619564</c:v>
                </c:pt>
                <c:pt idx="2154">
                  <c:v>-6962984.0680163801</c:v>
                </c:pt>
                <c:pt idx="2155">
                  <c:v>-6978415.7054731399</c:v>
                </c:pt>
                <c:pt idx="2156">
                  <c:v>-6909486.7911825096</c:v>
                </c:pt>
                <c:pt idx="2157">
                  <c:v>-6911085.4387537604</c:v>
                </c:pt>
                <c:pt idx="2158">
                  <c:v>-6943976.4547046097</c:v>
                </c:pt>
                <c:pt idx="2159">
                  <c:v>-6969805.2038989495</c:v>
                </c:pt>
                <c:pt idx="2160">
                  <c:v>-6960639.2450169101</c:v>
                </c:pt>
                <c:pt idx="2161">
                  <c:v>-6965856.89461191</c:v>
                </c:pt>
                <c:pt idx="2162">
                  <c:v>-6949117.5868209703</c:v>
                </c:pt>
                <c:pt idx="2163">
                  <c:v>-6940471.5066777701</c:v>
                </c:pt>
                <c:pt idx="2164">
                  <c:v>-6933402.2966205403</c:v>
                </c:pt>
                <c:pt idx="2165">
                  <c:v>-6953027.9801109498</c:v>
                </c:pt>
                <c:pt idx="2166">
                  <c:v>-6958890.5959165497</c:v>
                </c:pt>
                <c:pt idx="2167">
                  <c:v>-6939275.26477913</c:v>
                </c:pt>
                <c:pt idx="2168">
                  <c:v>-6938884.4156582598</c:v>
                </c:pt>
                <c:pt idx="2169">
                  <c:v>-6949082.1381497802</c:v>
                </c:pt>
                <c:pt idx="2170">
                  <c:v>-6957577.2853888404</c:v>
                </c:pt>
                <c:pt idx="2171">
                  <c:v>-6965588.5425196802</c:v>
                </c:pt>
                <c:pt idx="2172">
                  <c:v>-6990847.4955162201</c:v>
                </c:pt>
                <c:pt idx="2173">
                  <c:v>-6950167.0635493901</c:v>
                </c:pt>
                <c:pt idx="2174">
                  <c:v>-6927530.20504025</c:v>
                </c:pt>
                <c:pt idx="2175">
                  <c:v>-6922664.3249305403</c:v>
                </c:pt>
                <c:pt idx="2176">
                  <c:v>-6937906.6904931404</c:v>
                </c:pt>
                <c:pt idx="2177">
                  <c:v>-6926128.9308959804</c:v>
                </c:pt>
                <c:pt idx="2178">
                  <c:v>-6925211.1148032397</c:v>
                </c:pt>
                <c:pt idx="2179">
                  <c:v>-6918899.2767184004</c:v>
                </c:pt>
                <c:pt idx="2180">
                  <c:v>-6943747.1000404898</c:v>
                </c:pt>
                <c:pt idx="2181">
                  <c:v>-6929142.0689960998</c:v>
                </c:pt>
                <c:pt idx="2182">
                  <c:v>-6935580.7007784797</c:v>
                </c:pt>
                <c:pt idx="2183">
                  <c:v>-6934794.7581609897</c:v>
                </c:pt>
                <c:pt idx="2184">
                  <c:v>-6911842.3562826999</c:v>
                </c:pt>
                <c:pt idx="2185">
                  <c:v>-6926404.8822495397</c:v>
                </c:pt>
                <c:pt idx="2186">
                  <c:v>-6922081.2272337899</c:v>
                </c:pt>
                <c:pt idx="2187">
                  <c:v>-6873942.3402513396</c:v>
                </c:pt>
                <c:pt idx="2188">
                  <c:v>-6865422.3126167301</c:v>
                </c:pt>
                <c:pt idx="2189">
                  <c:v>-6859116.1266338397</c:v>
                </c:pt>
                <c:pt idx="2190">
                  <c:v>-6864612.6218681401</c:v>
                </c:pt>
                <c:pt idx="2191">
                  <c:v>-6838690.3652837202</c:v>
                </c:pt>
                <c:pt idx="2192">
                  <c:v>-6856759.2498362204</c:v>
                </c:pt>
                <c:pt idx="2193">
                  <c:v>-6853890.3449820699</c:v>
                </c:pt>
                <c:pt idx="2194">
                  <c:v>-6912157.0909290696</c:v>
                </c:pt>
                <c:pt idx="2195">
                  <c:v>-6903571.0078162001</c:v>
                </c:pt>
                <c:pt idx="2196">
                  <c:v>-6896287.3690248597</c:v>
                </c:pt>
                <c:pt idx="2197">
                  <c:v>-6919142.9675753098</c:v>
                </c:pt>
                <c:pt idx="2198">
                  <c:v>-6957244.4099817397</c:v>
                </c:pt>
                <c:pt idx="2199">
                  <c:v>-6912225.4373395601</c:v>
                </c:pt>
                <c:pt idx="2200">
                  <c:v>-6952680.41535543</c:v>
                </c:pt>
                <c:pt idx="2201">
                  <c:v>-6964354.2097721798</c:v>
                </c:pt>
                <c:pt idx="2202">
                  <c:v>-6984882.01428176</c:v>
                </c:pt>
                <c:pt idx="2203">
                  <c:v>-6990916.7650702596</c:v>
                </c:pt>
                <c:pt idx="2204">
                  <c:v>-6993244.4833114296</c:v>
                </c:pt>
                <c:pt idx="2205">
                  <c:v>-7001498.2043534303</c:v>
                </c:pt>
                <c:pt idx="2206">
                  <c:v>-6886622.4092532899</c:v>
                </c:pt>
                <c:pt idx="2207">
                  <c:v>-6998306.6266019801</c:v>
                </c:pt>
                <c:pt idx="2208">
                  <c:v>-6994703.1143469596</c:v>
                </c:pt>
                <c:pt idx="2209">
                  <c:v>-7002285.7581795603</c:v>
                </c:pt>
                <c:pt idx="2210">
                  <c:v>-6846555.5956109697</c:v>
                </c:pt>
                <c:pt idx="2211">
                  <c:v>-6835332.6425633896</c:v>
                </c:pt>
                <c:pt idx="2212">
                  <c:v>-6846912.4513039002</c:v>
                </c:pt>
                <c:pt idx="2213">
                  <c:v>-6849514.9912213599</c:v>
                </c:pt>
                <c:pt idx="2214">
                  <c:v>-6778119.6460013902</c:v>
                </c:pt>
                <c:pt idx="2215">
                  <c:v>-6689240.7682704702</c:v>
                </c:pt>
                <c:pt idx="2216">
                  <c:v>-6666356.9952978697</c:v>
                </c:pt>
                <c:pt idx="2217">
                  <c:v>-6673209.0090462398</c:v>
                </c:pt>
                <c:pt idx="2218">
                  <c:v>-6696215.1624662401</c:v>
                </c:pt>
                <c:pt idx="2219">
                  <c:v>-6715388.4603132904</c:v>
                </c:pt>
                <c:pt idx="2220">
                  <c:v>-6723701.3226629803</c:v>
                </c:pt>
                <c:pt idx="2221">
                  <c:v>-6734328.0347349998</c:v>
                </c:pt>
                <c:pt idx="2222">
                  <c:v>-6833075.5306281699</c:v>
                </c:pt>
                <c:pt idx="2223">
                  <c:v>-6774393.7178287301</c:v>
                </c:pt>
                <c:pt idx="2224">
                  <c:v>-6773577.2979527004</c:v>
                </c:pt>
                <c:pt idx="2225">
                  <c:v>-6780132.3254239997</c:v>
                </c:pt>
                <c:pt idx="2226">
                  <c:v>-6789300.3928993996</c:v>
                </c:pt>
                <c:pt idx="2227">
                  <c:v>-6820614.1617491897</c:v>
                </c:pt>
                <c:pt idx="2228">
                  <c:v>-6811950.5954807904</c:v>
                </c:pt>
                <c:pt idx="2229">
                  <c:v>-6822960.0913428403</c:v>
                </c:pt>
                <c:pt idx="2230">
                  <c:v>-6823831.6451639701</c:v>
                </c:pt>
                <c:pt idx="2231">
                  <c:v>-6819757.5049331998</c:v>
                </c:pt>
                <c:pt idx="2232">
                  <c:v>-6816656.9949079202</c:v>
                </c:pt>
                <c:pt idx="2233">
                  <c:v>-6900717.2823892599</c:v>
                </c:pt>
                <c:pt idx="2234">
                  <c:v>-6875796.6188853197</c:v>
                </c:pt>
                <c:pt idx="2235">
                  <c:v>-6892951.5940857502</c:v>
                </c:pt>
                <c:pt idx="2236">
                  <c:v>-6892951.5940857502</c:v>
                </c:pt>
                <c:pt idx="2237">
                  <c:v>-6837947.5115826</c:v>
                </c:pt>
                <c:pt idx="2238">
                  <c:v>-6863253.9533118596</c:v>
                </c:pt>
                <c:pt idx="2239">
                  <c:v>-6841560.9663911499</c:v>
                </c:pt>
                <c:pt idx="2240">
                  <c:v>-6725788.0902132802</c:v>
                </c:pt>
                <c:pt idx="2241">
                  <c:v>-6726604.3829411902</c:v>
                </c:pt>
                <c:pt idx="2242">
                  <c:v>-6659057.1171752699</c:v>
                </c:pt>
                <c:pt idx="2243">
                  <c:v>-6685308.0833908496</c:v>
                </c:pt>
                <c:pt idx="2244">
                  <c:v>-6676294.44424346</c:v>
                </c:pt>
                <c:pt idx="2245">
                  <c:v>-6686970.13969108</c:v>
                </c:pt>
                <c:pt idx="2246">
                  <c:v>-6696173.1230828203</c:v>
                </c:pt>
                <c:pt idx="2247">
                  <c:v>-6751611.77127151</c:v>
                </c:pt>
                <c:pt idx="2248">
                  <c:v>-6779489.0784735903</c:v>
                </c:pt>
                <c:pt idx="2249">
                  <c:v>-6779019.4737610202</c:v>
                </c:pt>
                <c:pt idx="2250">
                  <c:v>-6786541.7252301797</c:v>
                </c:pt>
                <c:pt idx="2251">
                  <c:v>-6781273.3432911104</c:v>
                </c:pt>
                <c:pt idx="2252">
                  <c:v>-6797034.0987875601</c:v>
                </c:pt>
                <c:pt idx="2253">
                  <c:v>-6757129.7869262798</c:v>
                </c:pt>
                <c:pt idx="2254">
                  <c:v>-6677024.5181999998</c:v>
                </c:pt>
                <c:pt idx="2255">
                  <c:v>-6746564.9342566002</c:v>
                </c:pt>
                <c:pt idx="2256">
                  <c:v>-6716858.1279163295</c:v>
                </c:pt>
                <c:pt idx="2257">
                  <c:v>-6699695.0491689099</c:v>
                </c:pt>
                <c:pt idx="2258">
                  <c:v>-6753374.5210469197</c:v>
                </c:pt>
                <c:pt idx="2259">
                  <c:v>-6749544.7022190504</c:v>
                </c:pt>
                <c:pt idx="2260">
                  <c:v>-6765110.8403182197</c:v>
                </c:pt>
                <c:pt idx="2261">
                  <c:v>-6767957.1027277401</c:v>
                </c:pt>
                <c:pt idx="2262">
                  <c:v>-6779697.50177598</c:v>
                </c:pt>
                <c:pt idx="2263">
                  <c:v>-6703902.2732619299</c:v>
                </c:pt>
                <c:pt idx="2264">
                  <c:v>-6715534.4395880597</c:v>
                </c:pt>
                <c:pt idx="2265">
                  <c:v>-6716954.3911526203</c:v>
                </c:pt>
                <c:pt idx="2266">
                  <c:v>-6714649.9550464498</c:v>
                </c:pt>
                <c:pt idx="2267">
                  <c:v>-6716010.8473735899</c:v>
                </c:pt>
                <c:pt idx="2268">
                  <c:v>-6716742.9651667504</c:v>
                </c:pt>
                <c:pt idx="2269">
                  <c:v>-6720452.1496341703</c:v>
                </c:pt>
                <c:pt idx="2270">
                  <c:v>-6726450.5527625401</c:v>
                </c:pt>
                <c:pt idx="2271">
                  <c:v>-6732564.3978751004</c:v>
                </c:pt>
                <c:pt idx="2272">
                  <c:v>-6750786.11253493</c:v>
                </c:pt>
                <c:pt idx="2273">
                  <c:v>-6713156.2958409302</c:v>
                </c:pt>
                <c:pt idx="2274">
                  <c:v>-6726202.9344042996</c:v>
                </c:pt>
                <c:pt idx="2275">
                  <c:v>-6729247.5176107101</c:v>
                </c:pt>
                <c:pt idx="2276">
                  <c:v>-6757738.6767652296</c:v>
                </c:pt>
                <c:pt idx="2277">
                  <c:v>-6758680.0788581101</c:v>
                </c:pt>
                <c:pt idx="2278">
                  <c:v>-6766257.7753542103</c:v>
                </c:pt>
                <c:pt idx="2279">
                  <c:v>-6765470.4052867005</c:v>
                </c:pt>
                <c:pt idx="2280">
                  <c:v>-6741652.2152361805</c:v>
                </c:pt>
                <c:pt idx="2281">
                  <c:v>-6769463.2859463803</c:v>
                </c:pt>
                <c:pt idx="2282">
                  <c:v>-6754918.9776146999</c:v>
                </c:pt>
                <c:pt idx="2283">
                  <c:v>-6738916.2645507297</c:v>
                </c:pt>
                <c:pt idx="2284">
                  <c:v>-6747985.6858806303</c:v>
                </c:pt>
                <c:pt idx="2285">
                  <c:v>-6713469.3984080898</c:v>
                </c:pt>
                <c:pt idx="2286">
                  <c:v>-6718911.9177305</c:v>
                </c:pt>
                <c:pt idx="2287">
                  <c:v>-6670125.0306511195</c:v>
                </c:pt>
                <c:pt idx="2288">
                  <c:v>-6673139.1056943797</c:v>
                </c:pt>
                <c:pt idx="2289">
                  <c:v>-6671810.2250646399</c:v>
                </c:pt>
                <c:pt idx="2290">
                  <c:v>-6642005.0839397199</c:v>
                </c:pt>
                <c:pt idx="2291">
                  <c:v>-6647373.0596935097</c:v>
                </c:pt>
                <c:pt idx="2292">
                  <c:v>-6535541.3627586402</c:v>
                </c:pt>
                <c:pt idx="2293">
                  <c:v>-6553903.9791565305</c:v>
                </c:pt>
                <c:pt idx="2294">
                  <c:v>-6557402.9055746496</c:v>
                </c:pt>
                <c:pt idx="2295">
                  <c:v>-6532029.4456711896</c:v>
                </c:pt>
                <c:pt idx="2296">
                  <c:v>-6532616.1885848902</c:v>
                </c:pt>
                <c:pt idx="2297">
                  <c:v>-6549104.3130016904</c:v>
                </c:pt>
                <c:pt idx="2298">
                  <c:v>-6553599.2842821404</c:v>
                </c:pt>
                <c:pt idx="2299">
                  <c:v>-6587444.3073192099</c:v>
                </c:pt>
                <c:pt idx="2300">
                  <c:v>-6582910.0198157402</c:v>
                </c:pt>
                <c:pt idx="2301">
                  <c:v>-6542387.1058718404</c:v>
                </c:pt>
                <c:pt idx="2302">
                  <c:v>-6685613.5985029098</c:v>
                </c:pt>
                <c:pt idx="2303">
                  <c:v>-6728113.83097653</c:v>
                </c:pt>
                <c:pt idx="2304">
                  <c:v>-6728036.2219497804</c:v>
                </c:pt>
                <c:pt idx="2305">
                  <c:v>-6756729.2507429495</c:v>
                </c:pt>
                <c:pt idx="2306">
                  <c:v>-6662317.2811802505</c:v>
                </c:pt>
                <c:pt idx="2307">
                  <c:v>-6662405.59745281</c:v>
                </c:pt>
                <c:pt idx="2308">
                  <c:v>-6668917.1993751498</c:v>
                </c:pt>
                <c:pt idx="2309">
                  <c:v>-6664296.1880981596</c:v>
                </c:pt>
                <c:pt idx="2310">
                  <c:v>-6658762.8718847502</c:v>
                </c:pt>
                <c:pt idx="2311">
                  <c:v>-6625729.9761520103</c:v>
                </c:pt>
                <c:pt idx="2312">
                  <c:v>-6585322.3976313099</c:v>
                </c:pt>
                <c:pt idx="2313">
                  <c:v>-6547765.21908304</c:v>
                </c:pt>
                <c:pt idx="2314">
                  <c:v>-6576825.4459393099</c:v>
                </c:pt>
                <c:pt idx="2315">
                  <c:v>-6590506.1540216403</c:v>
                </c:pt>
                <c:pt idx="2316">
                  <c:v>-6587296.3433122505</c:v>
                </c:pt>
                <c:pt idx="2317">
                  <c:v>-6592613.3306125598</c:v>
                </c:pt>
                <c:pt idx="2318">
                  <c:v>-6589465.2693918198</c:v>
                </c:pt>
                <c:pt idx="2319">
                  <c:v>-6591085.8525271099</c:v>
                </c:pt>
                <c:pt idx="2320">
                  <c:v>-6580162.8523671301</c:v>
                </c:pt>
                <c:pt idx="2321">
                  <c:v>-6546144.7489789603</c:v>
                </c:pt>
                <c:pt idx="2322">
                  <c:v>-6541656.1909787804</c:v>
                </c:pt>
                <c:pt idx="2323">
                  <c:v>-6539728.0574061899</c:v>
                </c:pt>
                <c:pt idx="2324">
                  <c:v>-6628876.1975661796</c:v>
                </c:pt>
                <c:pt idx="2325">
                  <c:v>-6676265.1960473899</c:v>
                </c:pt>
                <c:pt idx="2326">
                  <c:v>-6688222.8840228096</c:v>
                </c:pt>
                <c:pt idx="2327">
                  <c:v>-6659108.0495472103</c:v>
                </c:pt>
                <c:pt idx="2328">
                  <c:v>-6652945.2604553904</c:v>
                </c:pt>
                <c:pt idx="2329">
                  <c:v>-6647886.65691604</c:v>
                </c:pt>
                <c:pt idx="2330">
                  <c:v>-6636335.7966510402</c:v>
                </c:pt>
                <c:pt idx="2331">
                  <c:v>-6618781.3805297296</c:v>
                </c:pt>
                <c:pt idx="2332">
                  <c:v>-6614718.3605859298</c:v>
                </c:pt>
                <c:pt idx="2333">
                  <c:v>-6627322.6545039099</c:v>
                </c:pt>
                <c:pt idx="2334">
                  <c:v>-6599508.7019263199</c:v>
                </c:pt>
                <c:pt idx="2335">
                  <c:v>-6657921.7949716402</c:v>
                </c:pt>
                <c:pt idx="2336">
                  <c:v>-6620862.9278914696</c:v>
                </c:pt>
                <c:pt idx="2337">
                  <c:v>-6621738.2125765597</c:v>
                </c:pt>
                <c:pt idx="2338">
                  <c:v>-6619108.4552557301</c:v>
                </c:pt>
                <c:pt idx="2339">
                  <c:v>-6618950.8155246396</c:v>
                </c:pt>
                <c:pt idx="2340">
                  <c:v>-6590856.0549137704</c:v>
                </c:pt>
                <c:pt idx="2341">
                  <c:v>-6489238.5885919603</c:v>
                </c:pt>
                <c:pt idx="2342">
                  <c:v>-6493928.9907035502</c:v>
                </c:pt>
                <c:pt idx="2343">
                  <c:v>-6505643.9745613402</c:v>
                </c:pt>
                <c:pt idx="2344">
                  <c:v>-6519144.4684467399</c:v>
                </c:pt>
                <c:pt idx="2345">
                  <c:v>-6493678.7274291497</c:v>
                </c:pt>
                <c:pt idx="2346">
                  <c:v>-6454843.2908415003</c:v>
                </c:pt>
                <c:pt idx="2347">
                  <c:v>-6523966.5564960698</c:v>
                </c:pt>
                <c:pt idx="2348">
                  <c:v>-6522815.4812153</c:v>
                </c:pt>
                <c:pt idx="2349">
                  <c:v>-6525296.36704103</c:v>
                </c:pt>
                <c:pt idx="2350">
                  <c:v>-6437844.4959086999</c:v>
                </c:pt>
                <c:pt idx="2351">
                  <c:v>-6435287.8862324599</c:v>
                </c:pt>
                <c:pt idx="2352">
                  <c:v>-6432645.4933312302</c:v>
                </c:pt>
                <c:pt idx="2353">
                  <c:v>-6433141.2694212198</c:v>
                </c:pt>
                <c:pt idx="2354">
                  <c:v>-6324933.5206505302</c:v>
                </c:pt>
                <c:pt idx="2355">
                  <c:v>-6323941.3726435304</c:v>
                </c:pt>
                <c:pt idx="2356">
                  <c:v>-6302912.1188952196</c:v>
                </c:pt>
                <c:pt idx="2357">
                  <c:v>-6329347.6191315902</c:v>
                </c:pt>
                <c:pt idx="2358">
                  <c:v>-6314386.0769552197</c:v>
                </c:pt>
                <c:pt idx="2359">
                  <c:v>-6313393.0409669103</c:v>
                </c:pt>
                <c:pt idx="2360">
                  <c:v>-6312260.3972415002</c:v>
                </c:pt>
                <c:pt idx="2361">
                  <c:v>-6317498.6798953703</c:v>
                </c:pt>
                <c:pt idx="2362">
                  <c:v>-6282495.1954652304</c:v>
                </c:pt>
                <c:pt idx="2363">
                  <c:v>-6273858.7354858797</c:v>
                </c:pt>
                <c:pt idx="2364">
                  <c:v>-6278101.6286749505</c:v>
                </c:pt>
                <c:pt idx="2365">
                  <c:v>-6281168.8347459501</c:v>
                </c:pt>
                <c:pt idx="2366">
                  <c:v>-6278932.5125556504</c:v>
                </c:pt>
                <c:pt idx="2367">
                  <c:v>-6351642.1166195497</c:v>
                </c:pt>
                <c:pt idx="2368">
                  <c:v>-6354245.3831961602</c:v>
                </c:pt>
                <c:pt idx="2369">
                  <c:v>-6353685.7312521199</c:v>
                </c:pt>
                <c:pt idx="2370">
                  <c:v>-6357550.8153293803</c:v>
                </c:pt>
                <c:pt idx="2371">
                  <c:v>-6323405.5590765402</c:v>
                </c:pt>
                <c:pt idx="2372">
                  <c:v>-6333012.9256604398</c:v>
                </c:pt>
                <c:pt idx="2373">
                  <c:v>-6285803.0364249302</c:v>
                </c:pt>
                <c:pt idx="2374">
                  <c:v>-6245394.7629091898</c:v>
                </c:pt>
                <c:pt idx="2375">
                  <c:v>-6239785.14915777</c:v>
                </c:pt>
                <c:pt idx="2376">
                  <c:v>-6240944.21367185</c:v>
                </c:pt>
                <c:pt idx="2377">
                  <c:v>-6254273.0293469699</c:v>
                </c:pt>
                <c:pt idx="2378">
                  <c:v>-6257552.5965480404</c:v>
                </c:pt>
                <c:pt idx="2379">
                  <c:v>-6255188.4357223297</c:v>
                </c:pt>
                <c:pt idx="2380">
                  <c:v>-6249843.0588816702</c:v>
                </c:pt>
                <c:pt idx="2381">
                  <c:v>-6256213.6893045697</c:v>
                </c:pt>
                <c:pt idx="2382">
                  <c:v>-6262819.3581917798</c:v>
                </c:pt>
                <c:pt idx="2383">
                  <c:v>-6264803.2768812403</c:v>
                </c:pt>
                <c:pt idx="2384">
                  <c:v>-6248660.3547173599</c:v>
                </c:pt>
                <c:pt idx="2385">
                  <c:v>-6101847.2194544598</c:v>
                </c:pt>
                <c:pt idx="2386">
                  <c:v>-6141645.51560672</c:v>
                </c:pt>
                <c:pt idx="2387">
                  <c:v>-6143687.8495202996</c:v>
                </c:pt>
                <c:pt idx="2388">
                  <c:v>-6143687.8495202996</c:v>
                </c:pt>
                <c:pt idx="2389">
                  <c:v>-6177816.3983780798</c:v>
                </c:pt>
                <c:pt idx="2390">
                  <c:v>-6154681.4854663303</c:v>
                </c:pt>
                <c:pt idx="2391">
                  <c:v>-6127379.2630766202</c:v>
                </c:pt>
                <c:pt idx="2392">
                  <c:v>-6117643.6039658301</c:v>
                </c:pt>
                <c:pt idx="2393">
                  <c:v>-6110776.2300859001</c:v>
                </c:pt>
                <c:pt idx="2394">
                  <c:v>-6092948.7108063903</c:v>
                </c:pt>
                <c:pt idx="2395">
                  <c:v>-6073590.3526596501</c:v>
                </c:pt>
                <c:pt idx="2396">
                  <c:v>-6122731.4184164898</c:v>
                </c:pt>
                <c:pt idx="2397">
                  <c:v>-6123329.1145727802</c:v>
                </c:pt>
                <c:pt idx="2398">
                  <c:v>-6114826.1103834203</c:v>
                </c:pt>
                <c:pt idx="2399">
                  <c:v>-6116269.06594205</c:v>
                </c:pt>
                <c:pt idx="2400">
                  <c:v>-6091710.0185714196</c:v>
                </c:pt>
                <c:pt idx="2401">
                  <c:v>-6089490.8289761804</c:v>
                </c:pt>
                <c:pt idx="2402">
                  <c:v>-6092184.3351780502</c:v>
                </c:pt>
                <c:pt idx="2403">
                  <c:v>-6091968.7731467802</c:v>
                </c:pt>
                <c:pt idx="2404">
                  <c:v>-6158923.3222539099</c:v>
                </c:pt>
                <c:pt idx="2405">
                  <c:v>-6180743.0837874301</c:v>
                </c:pt>
                <c:pt idx="2406">
                  <c:v>-6186018.1865345696</c:v>
                </c:pt>
                <c:pt idx="2407">
                  <c:v>-6210918.8303605504</c:v>
                </c:pt>
                <c:pt idx="2408">
                  <c:v>-6159243.8907620404</c:v>
                </c:pt>
                <c:pt idx="2409">
                  <c:v>-6156664.9068760397</c:v>
                </c:pt>
                <c:pt idx="2410">
                  <c:v>-6155052.3102099402</c:v>
                </c:pt>
                <c:pt idx="2411">
                  <c:v>-6141284.0111018997</c:v>
                </c:pt>
                <c:pt idx="2412">
                  <c:v>-6157803.7485387698</c:v>
                </c:pt>
                <c:pt idx="2413">
                  <c:v>-6149470.9394587297</c:v>
                </c:pt>
                <c:pt idx="2414">
                  <c:v>-6130071.3734958302</c:v>
                </c:pt>
                <c:pt idx="2415">
                  <c:v>-6128281.4050395396</c:v>
                </c:pt>
                <c:pt idx="2416">
                  <c:v>-6145257.6764066704</c:v>
                </c:pt>
                <c:pt idx="2417">
                  <c:v>-6155158.1051641703</c:v>
                </c:pt>
                <c:pt idx="2418">
                  <c:v>-6149396.7550270204</c:v>
                </c:pt>
                <c:pt idx="2419">
                  <c:v>-6173456.4661229001</c:v>
                </c:pt>
                <c:pt idx="2420">
                  <c:v>-6171477.58070831</c:v>
                </c:pt>
                <c:pt idx="2421">
                  <c:v>-6197451.9624665799</c:v>
                </c:pt>
                <c:pt idx="2422">
                  <c:v>-6196898.9090521103</c:v>
                </c:pt>
                <c:pt idx="2423">
                  <c:v>-6185620.9876718102</c:v>
                </c:pt>
                <c:pt idx="2424">
                  <c:v>-6170425.7977890801</c:v>
                </c:pt>
                <c:pt idx="2425">
                  <c:v>-6170135.8632423496</c:v>
                </c:pt>
                <c:pt idx="2426">
                  <c:v>-6178317.0737020001</c:v>
                </c:pt>
                <c:pt idx="2427">
                  <c:v>-6205434.0072731003</c:v>
                </c:pt>
                <c:pt idx="2428">
                  <c:v>-6153546.6846905397</c:v>
                </c:pt>
                <c:pt idx="2429">
                  <c:v>-6120239.05463441</c:v>
                </c:pt>
                <c:pt idx="2430">
                  <c:v>-6129114.39071663</c:v>
                </c:pt>
                <c:pt idx="2431">
                  <c:v>-6136335.4677231302</c:v>
                </c:pt>
                <c:pt idx="2432">
                  <c:v>-6150492.4493739298</c:v>
                </c:pt>
                <c:pt idx="2433">
                  <c:v>-5987836.7670624601</c:v>
                </c:pt>
                <c:pt idx="2434">
                  <c:v>-5973494.1588046597</c:v>
                </c:pt>
                <c:pt idx="2435">
                  <c:v>-5987521.2401632499</c:v>
                </c:pt>
                <c:pt idx="2436">
                  <c:v>-6039005.6280743796</c:v>
                </c:pt>
                <c:pt idx="2437">
                  <c:v>-6050581.1007117601</c:v>
                </c:pt>
                <c:pt idx="2438">
                  <c:v>-6069701.3210826404</c:v>
                </c:pt>
                <c:pt idx="2439">
                  <c:v>-6058038.8093368998</c:v>
                </c:pt>
                <c:pt idx="2440">
                  <c:v>-6041098.9645704804</c:v>
                </c:pt>
                <c:pt idx="2441">
                  <c:v>-6035556.57250176</c:v>
                </c:pt>
                <c:pt idx="2442">
                  <c:v>-6099441.62990887</c:v>
                </c:pt>
                <c:pt idx="2443">
                  <c:v>-6059038.5564158699</c:v>
                </c:pt>
                <c:pt idx="2444">
                  <c:v>-6054440.18312266</c:v>
                </c:pt>
                <c:pt idx="2445">
                  <c:v>-6054638.2260452602</c:v>
                </c:pt>
                <c:pt idx="2446">
                  <c:v>-6007073.4133323701</c:v>
                </c:pt>
                <c:pt idx="2447">
                  <c:v>-5969076.0673401598</c:v>
                </c:pt>
                <c:pt idx="2448">
                  <c:v>-5974765.8514753897</c:v>
                </c:pt>
                <c:pt idx="2449">
                  <c:v>-5983490.71647174</c:v>
                </c:pt>
                <c:pt idx="2450">
                  <c:v>-5980473.8038016902</c:v>
                </c:pt>
                <c:pt idx="2451">
                  <c:v>-5994288.1479989598</c:v>
                </c:pt>
                <c:pt idx="2452">
                  <c:v>-5992957.6867694696</c:v>
                </c:pt>
                <c:pt idx="2453">
                  <c:v>-5978879.6741241496</c:v>
                </c:pt>
                <c:pt idx="2454">
                  <c:v>-6013422.6105089104</c:v>
                </c:pt>
                <c:pt idx="2455">
                  <c:v>-6019690.9971188996</c:v>
                </c:pt>
                <c:pt idx="2456">
                  <c:v>-6050822.8074074397</c:v>
                </c:pt>
                <c:pt idx="2457">
                  <c:v>-6039704.1338612502</c:v>
                </c:pt>
                <c:pt idx="2458">
                  <c:v>-6004565.6445461996</c:v>
                </c:pt>
                <c:pt idx="2459">
                  <c:v>-6006024.3376862695</c:v>
                </c:pt>
                <c:pt idx="2460">
                  <c:v>-6005631.0851322999</c:v>
                </c:pt>
                <c:pt idx="2461">
                  <c:v>-6039228.7954705004</c:v>
                </c:pt>
                <c:pt idx="2462">
                  <c:v>-6026176.4627058804</c:v>
                </c:pt>
                <c:pt idx="2463">
                  <c:v>-6028347.0549207497</c:v>
                </c:pt>
                <c:pt idx="2464">
                  <c:v>-6004671.4121103603</c:v>
                </c:pt>
                <c:pt idx="2465">
                  <c:v>-6012065.4015687797</c:v>
                </c:pt>
                <c:pt idx="2466">
                  <c:v>-6012362.5014324104</c:v>
                </c:pt>
                <c:pt idx="2467">
                  <c:v>-5995340.0333446199</c:v>
                </c:pt>
                <c:pt idx="2468">
                  <c:v>-5995312.2429998796</c:v>
                </c:pt>
                <c:pt idx="2469">
                  <c:v>-6038717.2731967596</c:v>
                </c:pt>
                <c:pt idx="2470">
                  <c:v>-6049131.9080322497</c:v>
                </c:pt>
                <c:pt idx="2471">
                  <c:v>-6050695.6493540397</c:v>
                </c:pt>
                <c:pt idx="2472">
                  <c:v>-6056784.8769533299</c:v>
                </c:pt>
                <c:pt idx="2473">
                  <c:v>-6069915.8712364295</c:v>
                </c:pt>
                <c:pt idx="2474">
                  <c:v>-6158871.5987032698</c:v>
                </c:pt>
                <c:pt idx="2475">
                  <c:v>-6163600.6705756197</c:v>
                </c:pt>
                <c:pt idx="2476">
                  <c:v>-6172077.8236223897</c:v>
                </c:pt>
                <c:pt idx="2477">
                  <c:v>-6182112.6322414996</c:v>
                </c:pt>
                <c:pt idx="2478">
                  <c:v>-6155729.8858611798</c:v>
                </c:pt>
                <c:pt idx="2479">
                  <c:v>-6200234.6434423598</c:v>
                </c:pt>
                <c:pt idx="2480">
                  <c:v>-6176126.99113244</c:v>
                </c:pt>
                <c:pt idx="2481">
                  <c:v>-6190325.6122286497</c:v>
                </c:pt>
                <c:pt idx="2482">
                  <c:v>-6135146.8437878499</c:v>
                </c:pt>
                <c:pt idx="2483">
                  <c:v>-6094802.9028801098</c:v>
                </c:pt>
                <c:pt idx="2484">
                  <c:v>-6088378.8655833201</c:v>
                </c:pt>
                <c:pt idx="2485">
                  <c:v>-6145533.9041089099</c:v>
                </c:pt>
                <c:pt idx="2486">
                  <c:v>-6151286.8454040699</c:v>
                </c:pt>
                <c:pt idx="2487">
                  <c:v>-6140684.0530090202</c:v>
                </c:pt>
                <c:pt idx="2488">
                  <c:v>-6134411.8730936497</c:v>
                </c:pt>
                <c:pt idx="2489">
                  <c:v>-6206333.3956033299</c:v>
                </c:pt>
                <c:pt idx="2490">
                  <c:v>-6203869.0735174697</c:v>
                </c:pt>
                <c:pt idx="2491">
                  <c:v>-6226462.7844343102</c:v>
                </c:pt>
                <c:pt idx="2492">
                  <c:v>-6228053.7199520497</c:v>
                </c:pt>
                <c:pt idx="2493">
                  <c:v>-6186717.8838128196</c:v>
                </c:pt>
                <c:pt idx="2494">
                  <c:v>-6179134.0016702404</c:v>
                </c:pt>
                <c:pt idx="2495">
                  <c:v>-6231976.23373634</c:v>
                </c:pt>
                <c:pt idx="2496">
                  <c:v>-6268270.98891492</c:v>
                </c:pt>
                <c:pt idx="2497">
                  <c:v>-6252971.6608144399</c:v>
                </c:pt>
                <c:pt idx="2498">
                  <c:v>-6253237.7949354202</c:v>
                </c:pt>
                <c:pt idx="2499">
                  <c:v>-6261720.6834359597</c:v>
                </c:pt>
                <c:pt idx="2500">
                  <c:v>-6285107.7743814196</c:v>
                </c:pt>
                <c:pt idx="2501">
                  <c:v>-6330323.7820178801</c:v>
                </c:pt>
                <c:pt idx="2502">
                  <c:v>-6366581.6645197496</c:v>
                </c:pt>
                <c:pt idx="2503">
                  <c:v>-6283506.9104644004</c:v>
                </c:pt>
                <c:pt idx="2504">
                  <c:v>-6275041.55470696</c:v>
                </c:pt>
                <c:pt idx="2505">
                  <c:v>-6257726.8820608296</c:v>
                </c:pt>
                <c:pt idx="2506">
                  <c:v>-6259287.3726518899</c:v>
                </c:pt>
                <c:pt idx="2507">
                  <c:v>-6209403.7455149703</c:v>
                </c:pt>
                <c:pt idx="2508">
                  <c:v>-6199445.5677242298</c:v>
                </c:pt>
                <c:pt idx="2509">
                  <c:v>-6240293.9054517997</c:v>
                </c:pt>
                <c:pt idx="2510">
                  <c:v>-6195301.5095165297</c:v>
                </c:pt>
                <c:pt idx="2511">
                  <c:v>-6177409.4216208505</c:v>
                </c:pt>
                <c:pt idx="2512">
                  <c:v>-6100175.9572834997</c:v>
                </c:pt>
                <c:pt idx="2513">
                  <c:v>-6106199.1753561897</c:v>
                </c:pt>
                <c:pt idx="2514">
                  <c:v>-6103964.0896736803</c:v>
                </c:pt>
                <c:pt idx="2515">
                  <c:v>-6192732.7759714201</c:v>
                </c:pt>
                <c:pt idx="2516">
                  <c:v>-6190340.6419361196</c:v>
                </c:pt>
                <c:pt idx="2517">
                  <c:v>-6184216.6389886597</c:v>
                </c:pt>
                <c:pt idx="2518">
                  <c:v>-6162036.1348930197</c:v>
                </c:pt>
                <c:pt idx="2519">
                  <c:v>-6145266.7397689298</c:v>
                </c:pt>
                <c:pt idx="2520">
                  <c:v>-6151908.5785949901</c:v>
                </c:pt>
                <c:pt idx="2521">
                  <c:v>-6143967.3452565996</c:v>
                </c:pt>
                <c:pt idx="2522">
                  <c:v>-6186551.0012244601</c:v>
                </c:pt>
                <c:pt idx="2523">
                  <c:v>-6221556.3586958302</c:v>
                </c:pt>
                <c:pt idx="2524">
                  <c:v>-6261091.0811227402</c:v>
                </c:pt>
                <c:pt idx="2525">
                  <c:v>-6210070.8935769703</c:v>
                </c:pt>
                <c:pt idx="2526">
                  <c:v>-6195950.4260490499</c:v>
                </c:pt>
                <c:pt idx="2527">
                  <c:v>-6190456.9478627304</c:v>
                </c:pt>
                <c:pt idx="2528">
                  <c:v>-6153900.1177398302</c:v>
                </c:pt>
                <c:pt idx="2529">
                  <c:v>-6165143.1738559399</c:v>
                </c:pt>
                <c:pt idx="2530">
                  <c:v>-6197849.7058122996</c:v>
                </c:pt>
                <c:pt idx="2531">
                  <c:v>-6201705.88006901</c:v>
                </c:pt>
                <c:pt idx="2532">
                  <c:v>-6209767.0530781997</c:v>
                </c:pt>
                <c:pt idx="2533">
                  <c:v>-6212794.9429678395</c:v>
                </c:pt>
                <c:pt idx="2534">
                  <c:v>-6202571.4940608796</c:v>
                </c:pt>
                <c:pt idx="2535">
                  <c:v>-6201947.2483115802</c:v>
                </c:pt>
                <c:pt idx="2536">
                  <c:v>-6176338.9928559503</c:v>
                </c:pt>
                <c:pt idx="2537">
                  <c:v>-6179467.0743643604</c:v>
                </c:pt>
                <c:pt idx="2538">
                  <c:v>-6204792.4545262102</c:v>
                </c:pt>
                <c:pt idx="2539">
                  <c:v>-6193670.1380114099</c:v>
                </c:pt>
                <c:pt idx="2540">
                  <c:v>-6198377.6820646403</c:v>
                </c:pt>
                <c:pt idx="2541">
                  <c:v>-6249232.1748501398</c:v>
                </c:pt>
                <c:pt idx="2542">
                  <c:v>-6269595.6165331798</c:v>
                </c:pt>
                <c:pt idx="2543">
                  <c:v>-6268519.3498955602</c:v>
                </c:pt>
                <c:pt idx="2544">
                  <c:v>-6265888.9046762995</c:v>
                </c:pt>
                <c:pt idx="2545">
                  <c:v>-6330313.6067386996</c:v>
                </c:pt>
                <c:pt idx="2546">
                  <c:v>-6209163.0141534302</c:v>
                </c:pt>
                <c:pt idx="2547">
                  <c:v>-6204704.2737986296</c:v>
                </c:pt>
                <c:pt idx="2548">
                  <c:v>-6209565.9887943203</c:v>
                </c:pt>
                <c:pt idx="2549">
                  <c:v>-6219083.4569281098</c:v>
                </c:pt>
                <c:pt idx="2550">
                  <c:v>-6223545.5348044904</c:v>
                </c:pt>
                <c:pt idx="2551">
                  <c:v>-6212459.1306313397</c:v>
                </c:pt>
                <c:pt idx="2552">
                  <c:v>-6160658.3160827197</c:v>
                </c:pt>
                <c:pt idx="2553">
                  <c:v>-6126186.2861975199</c:v>
                </c:pt>
                <c:pt idx="2554">
                  <c:v>-6130431.0604588697</c:v>
                </c:pt>
                <c:pt idx="2555">
                  <c:v>-6139208.1593364403</c:v>
                </c:pt>
                <c:pt idx="2556">
                  <c:v>-6140130.9168335795</c:v>
                </c:pt>
                <c:pt idx="2557">
                  <c:v>-6140728.0237592598</c:v>
                </c:pt>
                <c:pt idx="2558">
                  <c:v>-6140874.9637116799</c:v>
                </c:pt>
                <c:pt idx="2559">
                  <c:v>-6134872.1914807102</c:v>
                </c:pt>
                <c:pt idx="2560">
                  <c:v>-6148885.99515983</c:v>
                </c:pt>
                <c:pt idx="2561">
                  <c:v>-6150621.6034321804</c:v>
                </c:pt>
                <c:pt idx="2562">
                  <c:v>-6143009.6611237098</c:v>
                </c:pt>
                <c:pt idx="2563">
                  <c:v>-6142610.59479977</c:v>
                </c:pt>
                <c:pt idx="2564">
                  <c:v>-6170420.2704672096</c:v>
                </c:pt>
                <c:pt idx="2565">
                  <c:v>-6175071.5374773601</c:v>
                </c:pt>
                <c:pt idx="2566">
                  <c:v>-6164320.1035448099</c:v>
                </c:pt>
                <c:pt idx="2567">
                  <c:v>-6164101.6004633</c:v>
                </c:pt>
                <c:pt idx="2568">
                  <c:v>-6161647.3156770598</c:v>
                </c:pt>
                <c:pt idx="2569">
                  <c:v>-6132594.1103759799</c:v>
                </c:pt>
                <c:pt idx="2570">
                  <c:v>-6130846.8877146402</c:v>
                </c:pt>
                <c:pt idx="2571">
                  <c:v>-6206582.1656168401</c:v>
                </c:pt>
                <c:pt idx="2572">
                  <c:v>-6221006.1421199497</c:v>
                </c:pt>
                <c:pt idx="2573">
                  <c:v>-6215427.7218253203</c:v>
                </c:pt>
                <c:pt idx="2574">
                  <c:v>-6166453.7557727098</c:v>
                </c:pt>
                <c:pt idx="2575">
                  <c:v>-6151403.3752187695</c:v>
                </c:pt>
                <c:pt idx="2576">
                  <c:v>-6219294.5132141998</c:v>
                </c:pt>
                <c:pt idx="2577">
                  <c:v>-6248666.6098525897</c:v>
                </c:pt>
                <c:pt idx="2578">
                  <c:v>-6244589.9176108902</c:v>
                </c:pt>
                <c:pt idx="2579">
                  <c:v>-6236174.9935981901</c:v>
                </c:pt>
                <c:pt idx="2580">
                  <c:v>-6269544.5954354201</c:v>
                </c:pt>
                <c:pt idx="2581">
                  <c:v>-6271193.7245089598</c:v>
                </c:pt>
                <c:pt idx="2582">
                  <c:v>-6165356.4035060396</c:v>
                </c:pt>
                <c:pt idx="2583">
                  <c:v>-6197919.63908647</c:v>
                </c:pt>
                <c:pt idx="2584">
                  <c:v>-6187348.4885588903</c:v>
                </c:pt>
                <c:pt idx="2585">
                  <c:v>-6191523.3752945401</c:v>
                </c:pt>
                <c:pt idx="2586">
                  <c:v>-6193681.7004258297</c:v>
                </c:pt>
                <c:pt idx="2587">
                  <c:v>-6100916.4702244103</c:v>
                </c:pt>
                <c:pt idx="2588">
                  <c:v>-6098846.0513669401</c:v>
                </c:pt>
                <c:pt idx="2589">
                  <c:v>-6116662.0924205799</c:v>
                </c:pt>
                <c:pt idx="2590">
                  <c:v>-6073262.2099324502</c:v>
                </c:pt>
                <c:pt idx="2591">
                  <c:v>-6115665.3859221898</c:v>
                </c:pt>
                <c:pt idx="2592">
                  <c:v>-6134000.6327130599</c:v>
                </c:pt>
                <c:pt idx="2593">
                  <c:v>-6122491.9029411599</c:v>
                </c:pt>
                <c:pt idx="2594">
                  <c:v>-6134364.0552351298</c:v>
                </c:pt>
                <c:pt idx="2595">
                  <c:v>-6144818.0639553703</c:v>
                </c:pt>
                <c:pt idx="2596">
                  <c:v>-6114193.4867136497</c:v>
                </c:pt>
                <c:pt idx="2597">
                  <c:v>-6118758.6691877795</c:v>
                </c:pt>
                <c:pt idx="2598">
                  <c:v>-6117146.3285461301</c:v>
                </c:pt>
                <c:pt idx="2599">
                  <c:v>-6149165.6359151797</c:v>
                </c:pt>
                <c:pt idx="2600">
                  <c:v>-6149784.2642211998</c:v>
                </c:pt>
                <c:pt idx="2601">
                  <c:v>-6167493.8710560901</c:v>
                </c:pt>
                <c:pt idx="2602">
                  <c:v>-6174547.5349063398</c:v>
                </c:pt>
                <c:pt idx="2603">
                  <c:v>-6191502.3204767304</c:v>
                </c:pt>
                <c:pt idx="2604">
                  <c:v>-6221761.21093034</c:v>
                </c:pt>
                <c:pt idx="2605">
                  <c:v>-6246653.6088419696</c:v>
                </c:pt>
                <c:pt idx="2606">
                  <c:v>-6276324.6639449904</c:v>
                </c:pt>
                <c:pt idx="2607">
                  <c:v>-6284945.0292071197</c:v>
                </c:pt>
                <c:pt idx="2608">
                  <c:v>-6199943.9568874203</c:v>
                </c:pt>
                <c:pt idx="2609">
                  <c:v>-6200072.1163366102</c:v>
                </c:pt>
                <c:pt idx="2610">
                  <c:v>-6203341.1401557196</c:v>
                </c:pt>
                <c:pt idx="2611">
                  <c:v>-6177983.5731929904</c:v>
                </c:pt>
                <c:pt idx="2612">
                  <c:v>-6160850.2659145501</c:v>
                </c:pt>
                <c:pt idx="2613">
                  <c:v>-6180951.0454131896</c:v>
                </c:pt>
                <c:pt idx="2614">
                  <c:v>-6137946.3663602304</c:v>
                </c:pt>
                <c:pt idx="2615">
                  <c:v>-6083349.3329617502</c:v>
                </c:pt>
                <c:pt idx="2616">
                  <c:v>-6082758.3818321601</c:v>
                </c:pt>
                <c:pt idx="2617">
                  <c:v>-6076705.410348</c:v>
                </c:pt>
                <c:pt idx="2618">
                  <c:v>-6155008.4933014298</c:v>
                </c:pt>
                <c:pt idx="2619">
                  <c:v>-6112858.38743007</c:v>
                </c:pt>
                <c:pt idx="2620">
                  <c:v>-6056269.7635246804</c:v>
                </c:pt>
                <c:pt idx="2621">
                  <c:v>-6111973.3556979401</c:v>
                </c:pt>
                <c:pt idx="2622">
                  <c:v>-6106690.4050203199</c:v>
                </c:pt>
                <c:pt idx="2623">
                  <c:v>-6092805.1371029904</c:v>
                </c:pt>
                <c:pt idx="2624">
                  <c:v>-6191256.88084519</c:v>
                </c:pt>
                <c:pt idx="2625">
                  <c:v>-6241130.9660972003</c:v>
                </c:pt>
                <c:pt idx="2626">
                  <c:v>-6227641.1520201303</c:v>
                </c:pt>
                <c:pt idx="2627">
                  <c:v>-6143082.3577295998</c:v>
                </c:pt>
                <c:pt idx="2628">
                  <c:v>-6115486.0577585502</c:v>
                </c:pt>
                <c:pt idx="2629">
                  <c:v>-6096571.9716559397</c:v>
                </c:pt>
                <c:pt idx="2630">
                  <c:v>-6042979.38891959</c:v>
                </c:pt>
                <c:pt idx="2631">
                  <c:v>-6043366.1486516502</c:v>
                </c:pt>
                <c:pt idx="2632">
                  <c:v>-6007846.0400207797</c:v>
                </c:pt>
                <c:pt idx="2633">
                  <c:v>-5998740.4624627801</c:v>
                </c:pt>
                <c:pt idx="2634">
                  <c:v>-5988561.4228632199</c:v>
                </c:pt>
                <c:pt idx="2635">
                  <c:v>-6022008.5607260801</c:v>
                </c:pt>
                <c:pt idx="2636">
                  <c:v>-6007653.0139884101</c:v>
                </c:pt>
                <c:pt idx="2637">
                  <c:v>-6019955.37132701</c:v>
                </c:pt>
                <c:pt idx="2638">
                  <c:v>-5998312.4003151003</c:v>
                </c:pt>
                <c:pt idx="2639">
                  <c:v>-6034532.6159215597</c:v>
                </c:pt>
                <c:pt idx="2640">
                  <c:v>-6126578.42168687</c:v>
                </c:pt>
                <c:pt idx="2641">
                  <c:v>-6136126.7545631398</c:v>
                </c:pt>
                <c:pt idx="2642">
                  <c:v>-6152852.70778747</c:v>
                </c:pt>
                <c:pt idx="2643">
                  <c:v>-6159824.8283350701</c:v>
                </c:pt>
                <c:pt idx="2644">
                  <c:v>-6159603.2267214702</c:v>
                </c:pt>
                <c:pt idx="2645">
                  <c:v>-6095491.84217567</c:v>
                </c:pt>
                <c:pt idx="2646">
                  <c:v>-6080671.7039363701</c:v>
                </c:pt>
                <c:pt idx="2647">
                  <c:v>-6079445.5510262595</c:v>
                </c:pt>
                <c:pt idx="2648">
                  <c:v>-6056036.7037572097</c:v>
                </c:pt>
                <c:pt idx="2649">
                  <c:v>-6055267.1253998997</c:v>
                </c:pt>
                <c:pt idx="2650">
                  <c:v>-6026512.2604014799</c:v>
                </c:pt>
                <c:pt idx="2651">
                  <c:v>-5987857.7692216597</c:v>
                </c:pt>
                <c:pt idx="2652">
                  <c:v>-5979182.3938650601</c:v>
                </c:pt>
                <c:pt idx="2653">
                  <c:v>-5970242.45678965</c:v>
                </c:pt>
                <c:pt idx="2654">
                  <c:v>-5998220.6890609404</c:v>
                </c:pt>
                <c:pt idx="2655">
                  <c:v>-5995204.1137420395</c:v>
                </c:pt>
                <c:pt idx="2656">
                  <c:v>-6034952.8813483398</c:v>
                </c:pt>
                <c:pt idx="2657">
                  <c:v>-6112543.7084482601</c:v>
                </c:pt>
                <c:pt idx="2658">
                  <c:v>-6102750.6792940898</c:v>
                </c:pt>
                <c:pt idx="2659">
                  <c:v>-6157931.71941269</c:v>
                </c:pt>
                <c:pt idx="2660">
                  <c:v>-6172224.2052767603</c:v>
                </c:pt>
                <c:pt idx="2661">
                  <c:v>-6187531.2425599899</c:v>
                </c:pt>
                <c:pt idx="2662">
                  <c:v>-6224518.6170001198</c:v>
                </c:pt>
                <c:pt idx="2663">
                  <c:v>-6215013.4795821402</c:v>
                </c:pt>
                <c:pt idx="2664">
                  <c:v>-6208267.0850577299</c:v>
                </c:pt>
                <c:pt idx="2665">
                  <c:v>-6216263.8088092897</c:v>
                </c:pt>
                <c:pt idx="2666">
                  <c:v>-6177334.0355524402</c:v>
                </c:pt>
                <c:pt idx="2667">
                  <c:v>-6182335.6431382401</c:v>
                </c:pt>
                <c:pt idx="2668">
                  <c:v>-6200119.5487376004</c:v>
                </c:pt>
                <c:pt idx="2669">
                  <c:v>-6211930.8163600098</c:v>
                </c:pt>
                <c:pt idx="2670">
                  <c:v>-6210864.2370131398</c:v>
                </c:pt>
                <c:pt idx="2671">
                  <c:v>-6138401.35092841</c:v>
                </c:pt>
                <c:pt idx="2672">
                  <c:v>-6147944.0738335596</c:v>
                </c:pt>
                <c:pt idx="2673">
                  <c:v>-6183789.5239015603</c:v>
                </c:pt>
                <c:pt idx="2674">
                  <c:v>-6149233.19544446</c:v>
                </c:pt>
                <c:pt idx="2675">
                  <c:v>-6156386.2651802599</c:v>
                </c:pt>
                <c:pt idx="2676">
                  <c:v>-6162141.8617432397</c:v>
                </c:pt>
                <c:pt idx="2677">
                  <c:v>-6168393.8051919602</c:v>
                </c:pt>
                <c:pt idx="2678">
                  <c:v>-6168511.9441864397</c:v>
                </c:pt>
                <c:pt idx="2679">
                  <c:v>-6063049.8523982996</c:v>
                </c:pt>
                <c:pt idx="2680">
                  <c:v>-6058269.5543205095</c:v>
                </c:pt>
                <c:pt idx="2681">
                  <c:v>-6143008.9814967904</c:v>
                </c:pt>
                <c:pt idx="2682">
                  <c:v>-6147998.1462610103</c:v>
                </c:pt>
                <c:pt idx="2683">
                  <c:v>-6109482.0425452702</c:v>
                </c:pt>
                <c:pt idx="2684">
                  <c:v>-6136821.2926900098</c:v>
                </c:pt>
                <c:pt idx="2685">
                  <c:v>-6131992.1790459799</c:v>
                </c:pt>
                <c:pt idx="2686">
                  <c:v>-6079181.8695963901</c:v>
                </c:pt>
                <c:pt idx="2687">
                  <c:v>-6078025.3817344904</c:v>
                </c:pt>
                <c:pt idx="2688">
                  <c:v>-6081426.1782712098</c:v>
                </c:pt>
                <c:pt idx="2689">
                  <c:v>-6046395.3421766199</c:v>
                </c:pt>
                <c:pt idx="2690">
                  <c:v>-6043226.3150375998</c:v>
                </c:pt>
                <c:pt idx="2691">
                  <c:v>-6043226.3150375998</c:v>
                </c:pt>
                <c:pt idx="2692">
                  <c:v>-6060571.8797522699</c:v>
                </c:pt>
                <c:pt idx="2693">
                  <c:v>-6057870.7492166599</c:v>
                </c:pt>
                <c:pt idx="2694">
                  <c:v>-6043897.9285102896</c:v>
                </c:pt>
                <c:pt idx="2695">
                  <c:v>-6047294.2260159301</c:v>
                </c:pt>
                <c:pt idx="2696">
                  <c:v>-6031703.1283573499</c:v>
                </c:pt>
                <c:pt idx="2697">
                  <c:v>-6031793.9282713002</c:v>
                </c:pt>
                <c:pt idx="2698">
                  <c:v>-6162786.9803082803</c:v>
                </c:pt>
                <c:pt idx="2699">
                  <c:v>-6165344.4471300999</c:v>
                </c:pt>
                <c:pt idx="2700">
                  <c:v>-5986677.8290514397</c:v>
                </c:pt>
                <c:pt idx="2701">
                  <c:v>-5987707.3960974598</c:v>
                </c:pt>
                <c:pt idx="2702">
                  <c:v>-6003051.9481748901</c:v>
                </c:pt>
                <c:pt idx="2703">
                  <c:v>-6021646.7840490201</c:v>
                </c:pt>
                <c:pt idx="2704">
                  <c:v>-6020201.45761023</c:v>
                </c:pt>
                <c:pt idx="2705">
                  <c:v>-6027019.5862870496</c:v>
                </c:pt>
                <c:pt idx="2706">
                  <c:v>-6089365.4637758397</c:v>
                </c:pt>
                <c:pt idx="2707">
                  <c:v>-6079802.1372792097</c:v>
                </c:pt>
                <c:pt idx="2708">
                  <c:v>-6122492.0996361095</c:v>
                </c:pt>
                <c:pt idx="2709">
                  <c:v>-6131022.4168446697</c:v>
                </c:pt>
                <c:pt idx="2710">
                  <c:v>-6131697.8252790896</c:v>
                </c:pt>
                <c:pt idx="2711">
                  <c:v>-6160530.2889587795</c:v>
                </c:pt>
                <c:pt idx="2712">
                  <c:v>-6179665.1439947002</c:v>
                </c:pt>
                <c:pt idx="2713">
                  <c:v>-6183404.1267426601</c:v>
                </c:pt>
                <c:pt idx="2714">
                  <c:v>-6191522.1843013698</c:v>
                </c:pt>
                <c:pt idx="2715">
                  <c:v>-6204065.6195602901</c:v>
                </c:pt>
                <c:pt idx="2716">
                  <c:v>-6192035.0168469399</c:v>
                </c:pt>
                <c:pt idx="2717">
                  <c:v>-6204181.0347173</c:v>
                </c:pt>
                <c:pt idx="2718">
                  <c:v>-6201834.5098652802</c:v>
                </c:pt>
                <c:pt idx="2719">
                  <c:v>-6242434.9978141198</c:v>
                </c:pt>
                <c:pt idx="2720">
                  <c:v>-6252999.6440686602</c:v>
                </c:pt>
                <c:pt idx="2721">
                  <c:v>-6241286.9199900096</c:v>
                </c:pt>
                <c:pt idx="2722">
                  <c:v>-6230026.0589296399</c:v>
                </c:pt>
                <c:pt idx="2723">
                  <c:v>-6222066.2609870601</c:v>
                </c:pt>
                <c:pt idx="2724">
                  <c:v>-6201743.4107697802</c:v>
                </c:pt>
                <c:pt idx="2725">
                  <c:v>-6172429.3537595104</c:v>
                </c:pt>
                <c:pt idx="2726">
                  <c:v>-6175359.37405279</c:v>
                </c:pt>
                <c:pt idx="2727">
                  <c:v>-6163183.5134957498</c:v>
                </c:pt>
                <c:pt idx="2728">
                  <c:v>-6202406.6347712995</c:v>
                </c:pt>
                <c:pt idx="2729">
                  <c:v>-6212425.9569708304</c:v>
                </c:pt>
                <c:pt idx="2730">
                  <c:v>-6110186.9227275196</c:v>
                </c:pt>
                <c:pt idx="2731">
                  <c:v>-6208866.0387139497</c:v>
                </c:pt>
                <c:pt idx="2732">
                  <c:v>-6222263.22994457</c:v>
                </c:pt>
                <c:pt idx="2733">
                  <c:v>-6209608.8750266703</c:v>
                </c:pt>
                <c:pt idx="2734">
                  <c:v>-6249798.0350268902</c:v>
                </c:pt>
                <c:pt idx="2735">
                  <c:v>-6274478.6327833598</c:v>
                </c:pt>
                <c:pt idx="2736">
                  <c:v>-6257274.6542855902</c:v>
                </c:pt>
                <c:pt idx="2737">
                  <c:v>-6283243.6108111199</c:v>
                </c:pt>
                <c:pt idx="2738">
                  <c:v>-6264049.8447190197</c:v>
                </c:pt>
                <c:pt idx="2739">
                  <c:v>-6256489.1829342302</c:v>
                </c:pt>
                <c:pt idx="2740">
                  <c:v>-6230585.2065490698</c:v>
                </c:pt>
                <c:pt idx="2741">
                  <c:v>-6069162.3089486295</c:v>
                </c:pt>
                <c:pt idx="2742">
                  <c:v>-6082915.6217308501</c:v>
                </c:pt>
                <c:pt idx="2743">
                  <c:v>-6023668.9249882502</c:v>
                </c:pt>
                <c:pt idx="2744">
                  <c:v>-6037112.7042307695</c:v>
                </c:pt>
                <c:pt idx="2745">
                  <c:v>-6058456.2501130505</c:v>
                </c:pt>
                <c:pt idx="2746">
                  <c:v>-6058456.2501130505</c:v>
                </c:pt>
                <c:pt idx="2747">
                  <c:v>-6086389.2936957004</c:v>
                </c:pt>
                <c:pt idx="2748">
                  <c:v>-6043810.3226266904</c:v>
                </c:pt>
                <c:pt idx="2749">
                  <c:v>-6052290.84461948</c:v>
                </c:pt>
                <c:pt idx="2750">
                  <c:v>-5965560.6022812603</c:v>
                </c:pt>
                <c:pt idx="2751">
                  <c:v>-5994032.1144129401</c:v>
                </c:pt>
                <c:pt idx="2752">
                  <c:v>-5971791.0655037099</c:v>
                </c:pt>
                <c:pt idx="2753">
                  <c:v>-5976424.0022772104</c:v>
                </c:pt>
                <c:pt idx="2754">
                  <c:v>-5973432.9481677804</c:v>
                </c:pt>
                <c:pt idx="2755">
                  <c:v>-5979856.9644277897</c:v>
                </c:pt>
                <c:pt idx="2756">
                  <c:v>-5957084.9300568402</c:v>
                </c:pt>
                <c:pt idx="2757">
                  <c:v>-5937550.5921746697</c:v>
                </c:pt>
                <c:pt idx="2758">
                  <c:v>-5948991.2049685596</c:v>
                </c:pt>
                <c:pt idx="2759">
                  <c:v>-5945281.1356171798</c:v>
                </c:pt>
                <c:pt idx="2760">
                  <c:v>-5946232.8599753296</c:v>
                </c:pt>
                <c:pt idx="2761">
                  <c:v>-5948240.2215866102</c:v>
                </c:pt>
                <c:pt idx="2762">
                  <c:v>-5941677.0661827503</c:v>
                </c:pt>
                <c:pt idx="2763">
                  <c:v>-5942035.9483728297</c:v>
                </c:pt>
                <c:pt idx="2764">
                  <c:v>-5961672.3674668903</c:v>
                </c:pt>
                <c:pt idx="2765">
                  <c:v>-5961536.1143531799</c:v>
                </c:pt>
                <c:pt idx="2766">
                  <c:v>-5940941.386256</c:v>
                </c:pt>
                <c:pt idx="2767">
                  <c:v>-5956477.8338660002</c:v>
                </c:pt>
                <c:pt idx="2768">
                  <c:v>-5956784.5507589299</c:v>
                </c:pt>
                <c:pt idx="2769">
                  <c:v>-5956710.0425315099</c:v>
                </c:pt>
                <c:pt idx="2770">
                  <c:v>-5993710.2332048398</c:v>
                </c:pt>
                <c:pt idx="2771">
                  <c:v>-5961052.6725064199</c:v>
                </c:pt>
                <c:pt idx="2772">
                  <c:v>-5967094.01732611</c:v>
                </c:pt>
                <c:pt idx="2773">
                  <c:v>-5971494.8365183398</c:v>
                </c:pt>
                <c:pt idx="2774">
                  <c:v>-5971249.2635657601</c:v>
                </c:pt>
                <c:pt idx="2775">
                  <c:v>-5994483.7773310402</c:v>
                </c:pt>
                <c:pt idx="2776">
                  <c:v>-5989020.1212613201</c:v>
                </c:pt>
                <c:pt idx="2777">
                  <c:v>-5951585.7161617903</c:v>
                </c:pt>
                <c:pt idx="2778">
                  <c:v>-5960480.6411815602</c:v>
                </c:pt>
                <c:pt idx="2779">
                  <c:v>-5954460.9124122597</c:v>
                </c:pt>
                <c:pt idx="2780">
                  <c:v>-5922474.5295728799</c:v>
                </c:pt>
                <c:pt idx="2781">
                  <c:v>-6056706.3590459703</c:v>
                </c:pt>
                <c:pt idx="2782">
                  <c:v>-6043420.3709137598</c:v>
                </c:pt>
                <c:pt idx="2783">
                  <c:v>-6116268.3902360601</c:v>
                </c:pt>
                <c:pt idx="2784">
                  <c:v>-6121594.9293498499</c:v>
                </c:pt>
                <c:pt idx="2785">
                  <c:v>-6090749.6630757004</c:v>
                </c:pt>
                <c:pt idx="2786">
                  <c:v>-5934613.9937659698</c:v>
                </c:pt>
                <c:pt idx="2787">
                  <c:v>-5933332.4850284802</c:v>
                </c:pt>
                <c:pt idx="2788">
                  <c:v>-5946377.7931066398</c:v>
                </c:pt>
                <c:pt idx="2789">
                  <c:v>-5938376.5868404703</c:v>
                </c:pt>
                <c:pt idx="2790">
                  <c:v>-5983182.6241481099</c:v>
                </c:pt>
                <c:pt idx="2791">
                  <c:v>-5973630.9147105198</c:v>
                </c:pt>
                <c:pt idx="2792">
                  <c:v>-5968753.5922515802</c:v>
                </c:pt>
                <c:pt idx="2793">
                  <c:v>-5966652.9340444095</c:v>
                </c:pt>
                <c:pt idx="2794">
                  <c:v>-5995639.04326717</c:v>
                </c:pt>
                <c:pt idx="2795">
                  <c:v>-5931611.7007929403</c:v>
                </c:pt>
                <c:pt idx="2796">
                  <c:v>-5902264.9589002701</c:v>
                </c:pt>
                <c:pt idx="2797">
                  <c:v>-5884740.1529325703</c:v>
                </c:pt>
                <c:pt idx="2798">
                  <c:v>-5785167.2434358997</c:v>
                </c:pt>
                <c:pt idx="2799">
                  <c:v>-5783239.7343259398</c:v>
                </c:pt>
                <c:pt idx="2800">
                  <c:v>-5786472.3568046996</c:v>
                </c:pt>
                <c:pt idx="2801">
                  <c:v>-5794131.1677728305</c:v>
                </c:pt>
                <c:pt idx="2802">
                  <c:v>-5792724.8934232704</c:v>
                </c:pt>
                <c:pt idx="2803">
                  <c:v>-5862256.9843669301</c:v>
                </c:pt>
                <c:pt idx="2804">
                  <c:v>-5852932.8757274495</c:v>
                </c:pt>
                <c:pt idx="2805">
                  <c:v>-5863865.5383198196</c:v>
                </c:pt>
                <c:pt idx="2806">
                  <c:v>-5863793.4365010299</c:v>
                </c:pt>
                <c:pt idx="2807">
                  <c:v>-5844268.70469628</c:v>
                </c:pt>
                <c:pt idx="2808">
                  <c:v>-5870965.86328346</c:v>
                </c:pt>
                <c:pt idx="2809">
                  <c:v>-5857460.8755456703</c:v>
                </c:pt>
                <c:pt idx="2810">
                  <c:v>-5844163.0936084902</c:v>
                </c:pt>
                <c:pt idx="2811">
                  <c:v>-5843097.66366689</c:v>
                </c:pt>
                <c:pt idx="2812">
                  <c:v>-5854732.9204758201</c:v>
                </c:pt>
                <c:pt idx="2813">
                  <c:v>-5872262.3026173403</c:v>
                </c:pt>
                <c:pt idx="2814">
                  <c:v>-5880710.5828615297</c:v>
                </c:pt>
                <c:pt idx="2815">
                  <c:v>-5895932.3979996303</c:v>
                </c:pt>
                <c:pt idx="2816">
                  <c:v>-5884592.1286276104</c:v>
                </c:pt>
                <c:pt idx="2817">
                  <c:v>-5911797.8908805698</c:v>
                </c:pt>
                <c:pt idx="2818">
                  <c:v>-5924709.5894046603</c:v>
                </c:pt>
                <c:pt idx="2819">
                  <c:v>-5919613.3370872503</c:v>
                </c:pt>
                <c:pt idx="2820">
                  <c:v>-5907401.5920424797</c:v>
                </c:pt>
                <c:pt idx="2821">
                  <c:v>-5789613.6800386701</c:v>
                </c:pt>
                <c:pt idx="2822">
                  <c:v>-5780653.0054809097</c:v>
                </c:pt>
                <c:pt idx="2823">
                  <c:v>-5780507.3271503802</c:v>
                </c:pt>
                <c:pt idx="2824">
                  <c:v>-5773198.0688376697</c:v>
                </c:pt>
                <c:pt idx="2825">
                  <c:v>-5808013.7267644703</c:v>
                </c:pt>
                <c:pt idx="2826">
                  <c:v>-5807564.1122616697</c:v>
                </c:pt>
                <c:pt idx="2827">
                  <c:v>-5815823.8257754296</c:v>
                </c:pt>
                <c:pt idx="2828">
                  <c:v>-5797764.1765736602</c:v>
                </c:pt>
                <c:pt idx="2829">
                  <c:v>-5780563.6387139503</c:v>
                </c:pt>
                <c:pt idx="2830">
                  <c:v>-5810820.7970258202</c:v>
                </c:pt>
                <c:pt idx="2831">
                  <c:v>-5773019.9356886996</c:v>
                </c:pt>
                <c:pt idx="2832">
                  <c:v>-5820271.4988463102</c:v>
                </c:pt>
                <c:pt idx="2833">
                  <c:v>-5820439.6082229996</c:v>
                </c:pt>
                <c:pt idx="2834">
                  <c:v>-5840696.9217574801</c:v>
                </c:pt>
                <c:pt idx="2835">
                  <c:v>-5772674.8432940003</c:v>
                </c:pt>
                <c:pt idx="2836">
                  <c:v>-5724581.0412188098</c:v>
                </c:pt>
                <c:pt idx="2837">
                  <c:v>-5717611.51048641</c:v>
                </c:pt>
                <c:pt idx="2838">
                  <c:v>-5747759.7258198</c:v>
                </c:pt>
                <c:pt idx="2839">
                  <c:v>-5760746.72235002</c:v>
                </c:pt>
                <c:pt idx="2840">
                  <c:v>-5759707.7818501396</c:v>
                </c:pt>
                <c:pt idx="2841">
                  <c:v>-5754447.1315231202</c:v>
                </c:pt>
                <c:pt idx="2842">
                  <c:v>-5746423.8383327201</c:v>
                </c:pt>
                <c:pt idx="2843">
                  <c:v>-5757361.9226947399</c:v>
                </c:pt>
                <c:pt idx="2844">
                  <c:v>-5755816.20166515</c:v>
                </c:pt>
                <c:pt idx="2845">
                  <c:v>-5746793.8670222098</c:v>
                </c:pt>
                <c:pt idx="2846">
                  <c:v>-5788868.3762424504</c:v>
                </c:pt>
                <c:pt idx="2847">
                  <c:v>-5790883.6792762596</c:v>
                </c:pt>
                <c:pt idx="2848">
                  <c:v>-5803222.6543005602</c:v>
                </c:pt>
                <c:pt idx="2849">
                  <c:v>-5797144.7171909297</c:v>
                </c:pt>
                <c:pt idx="2850">
                  <c:v>-5817260.0686948895</c:v>
                </c:pt>
                <c:pt idx="2851">
                  <c:v>-5807664.2947746003</c:v>
                </c:pt>
                <c:pt idx="2852">
                  <c:v>-5765407.8113449402</c:v>
                </c:pt>
                <c:pt idx="2853">
                  <c:v>-5762072.7392536402</c:v>
                </c:pt>
                <c:pt idx="2854">
                  <c:v>-5765164.5022150297</c:v>
                </c:pt>
                <c:pt idx="2855">
                  <c:v>-5759022.3360118503</c:v>
                </c:pt>
                <c:pt idx="2856">
                  <c:v>-5758841.95332433</c:v>
                </c:pt>
                <c:pt idx="2857">
                  <c:v>-5748712.6183169996</c:v>
                </c:pt>
                <c:pt idx="2858">
                  <c:v>-5723483.4221262801</c:v>
                </c:pt>
                <c:pt idx="2859">
                  <c:v>-5715489.9877606202</c:v>
                </c:pt>
                <c:pt idx="2860">
                  <c:v>-5724582.28853969</c:v>
                </c:pt>
                <c:pt idx="2861">
                  <c:v>-5724320.3110097405</c:v>
                </c:pt>
                <c:pt idx="2862">
                  <c:v>-5749926.93457516</c:v>
                </c:pt>
                <c:pt idx="2863">
                  <c:v>-5699721.5393162798</c:v>
                </c:pt>
                <c:pt idx="2864">
                  <c:v>-5712515.6598224696</c:v>
                </c:pt>
                <c:pt idx="2865">
                  <c:v>-5729446.4627062604</c:v>
                </c:pt>
                <c:pt idx="2866">
                  <c:v>-5750715.8632707903</c:v>
                </c:pt>
                <c:pt idx="2867">
                  <c:v>-5724121.5516830096</c:v>
                </c:pt>
                <c:pt idx="2868">
                  <c:v>-5711483.52900392</c:v>
                </c:pt>
                <c:pt idx="2869">
                  <c:v>-5671896.0315808598</c:v>
                </c:pt>
                <c:pt idx="2870">
                  <c:v>-5658511.8531248597</c:v>
                </c:pt>
                <c:pt idx="2871">
                  <c:v>-5664013.9979744703</c:v>
                </c:pt>
                <c:pt idx="2872">
                  <c:v>-5678283.6285163397</c:v>
                </c:pt>
                <c:pt idx="2873">
                  <c:v>-5679731.4311158303</c:v>
                </c:pt>
                <c:pt idx="2874">
                  <c:v>-5738090.2940594703</c:v>
                </c:pt>
                <c:pt idx="2875">
                  <c:v>-5751224.1549743302</c:v>
                </c:pt>
                <c:pt idx="2876">
                  <c:v>-5781119.3588666003</c:v>
                </c:pt>
                <c:pt idx="2877">
                  <c:v>-5788442.8703237399</c:v>
                </c:pt>
                <c:pt idx="2878">
                  <c:v>-5782460.4889655998</c:v>
                </c:pt>
                <c:pt idx="2879">
                  <c:v>-5782494.4092420703</c:v>
                </c:pt>
                <c:pt idx="2880">
                  <c:v>-5714655.9021153701</c:v>
                </c:pt>
                <c:pt idx="2881">
                  <c:v>-5704042.0743885003</c:v>
                </c:pt>
                <c:pt idx="2882">
                  <c:v>-5701265.5543287499</c:v>
                </c:pt>
                <c:pt idx="2883">
                  <c:v>-5727149.95454056</c:v>
                </c:pt>
                <c:pt idx="2884">
                  <c:v>-5690085.9038525401</c:v>
                </c:pt>
                <c:pt idx="2885">
                  <c:v>-5721590.4208760699</c:v>
                </c:pt>
                <c:pt idx="2886">
                  <c:v>-5729783.4750426104</c:v>
                </c:pt>
                <c:pt idx="2887">
                  <c:v>-5687093.6769059002</c:v>
                </c:pt>
                <c:pt idx="2888">
                  <c:v>-5660335.1517391298</c:v>
                </c:pt>
                <c:pt idx="2889">
                  <c:v>-5672673.2592031397</c:v>
                </c:pt>
                <c:pt idx="2890">
                  <c:v>-5673860.3360219495</c:v>
                </c:pt>
                <c:pt idx="2891">
                  <c:v>-5686216.9239903698</c:v>
                </c:pt>
                <c:pt idx="2892">
                  <c:v>-5686306.46156203</c:v>
                </c:pt>
                <c:pt idx="2893">
                  <c:v>-5656554.3969478803</c:v>
                </c:pt>
                <c:pt idx="2894">
                  <c:v>-5654717.6515386496</c:v>
                </c:pt>
                <c:pt idx="2895">
                  <c:v>-5660538.0562390499</c:v>
                </c:pt>
                <c:pt idx="2896">
                  <c:v>-5661578.8845040696</c:v>
                </c:pt>
                <c:pt idx="2897">
                  <c:v>-5660277.7157488698</c:v>
                </c:pt>
                <c:pt idx="2898">
                  <c:v>-5668467.5828242898</c:v>
                </c:pt>
                <c:pt idx="2899">
                  <c:v>-5677120.8203126797</c:v>
                </c:pt>
                <c:pt idx="2900">
                  <c:v>-5640521.5544522004</c:v>
                </c:pt>
                <c:pt idx="2901">
                  <c:v>-5645173.51408567</c:v>
                </c:pt>
                <c:pt idx="2902">
                  <c:v>-5624182.9407507498</c:v>
                </c:pt>
                <c:pt idx="2903">
                  <c:v>-5629633.1778046098</c:v>
                </c:pt>
                <c:pt idx="2904">
                  <c:v>-5628099.4238713495</c:v>
                </c:pt>
                <c:pt idx="2905">
                  <c:v>-5628926.3168383697</c:v>
                </c:pt>
                <c:pt idx="2906">
                  <c:v>-5618802.8784950199</c:v>
                </c:pt>
                <c:pt idx="2907">
                  <c:v>-5625133.9555376396</c:v>
                </c:pt>
                <c:pt idx="2908">
                  <c:v>-5636239.0011224598</c:v>
                </c:pt>
                <c:pt idx="2909">
                  <c:v>-5606803.12608705</c:v>
                </c:pt>
                <c:pt idx="2910">
                  <c:v>-5567451.4244004497</c:v>
                </c:pt>
                <c:pt idx="2911">
                  <c:v>-5584719.7550681196</c:v>
                </c:pt>
                <c:pt idx="2912">
                  <c:v>-5599081.7138209799</c:v>
                </c:pt>
                <c:pt idx="2913">
                  <c:v>-5566896.8017780604</c:v>
                </c:pt>
                <c:pt idx="2914">
                  <c:v>-5559636.6651869696</c:v>
                </c:pt>
                <c:pt idx="2915">
                  <c:v>-5562197.5365707101</c:v>
                </c:pt>
                <c:pt idx="2916">
                  <c:v>-5656689.3919261899</c:v>
                </c:pt>
                <c:pt idx="2917">
                  <c:v>-5660275.2542828796</c:v>
                </c:pt>
                <c:pt idx="2918">
                  <c:v>-5621731.0028136596</c:v>
                </c:pt>
                <c:pt idx="2919">
                  <c:v>-5608021.8582220702</c:v>
                </c:pt>
                <c:pt idx="2920">
                  <c:v>-5586008.5141456798</c:v>
                </c:pt>
                <c:pt idx="2921">
                  <c:v>-5583182.0235592201</c:v>
                </c:pt>
                <c:pt idx="2922">
                  <c:v>-5579930.5979865603</c:v>
                </c:pt>
                <c:pt idx="2923">
                  <c:v>-5618553.3889589896</c:v>
                </c:pt>
                <c:pt idx="2924">
                  <c:v>-5615206.8209386095</c:v>
                </c:pt>
                <c:pt idx="2925">
                  <c:v>-5615022.0675677601</c:v>
                </c:pt>
                <c:pt idx="2926">
                  <c:v>-5614743.7114599803</c:v>
                </c:pt>
                <c:pt idx="2927">
                  <c:v>-5626506.8026978197</c:v>
                </c:pt>
                <c:pt idx="2928">
                  <c:v>-5636280.2739344202</c:v>
                </c:pt>
                <c:pt idx="2929">
                  <c:v>-5658185.94675171</c:v>
                </c:pt>
                <c:pt idx="2930">
                  <c:v>-5658481.7050375901</c:v>
                </c:pt>
                <c:pt idx="2931">
                  <c:v>-5670828.3539355304</c:v>
                </c:pt>
                <c:pt idx="2932">
                  <c:v>-5649994.7436478501</c:v>
                </c:pt>
                <c:pt idx="2933">
                  <c:v>-5658176.7571897497</c:v>
                </c:pt>
                <c:pt idx="2934">
                  <c:v>-5657107.9844616903</c:v>
                </c:pt>
                <c:pt idx="2935">
                  <c:v>-5614005.6620783601</c:v>
                </c:pt>
                <c:pt idx="2936">
                  <c:v>-5628121.4678992704</c:v>
                </c:pt>
                <c:pt idx="2937">
                  <c:v>-5620201.0498724803</c:v>
                </c:pt>
                <c:pt idx="2938">
                  <c:v>-5565938.5158018405</c:v>
                </c:pt>
                <c:pt idx="2939">
                  <c:v>-5565489.6231135698</c:v>
                </c:pt>
                <c:pt idx="2940">
                  <c:v>-5565784.2032055696</c:v>
                </c:pt>
                <c:pt idx="2941">
                  <c:v>-5534667.2321139397</c:v>
                </c:pt>
                <c:pt idx="2942">
                  <c:v>-5539733.3198279999</c:v>
                </c:pt>
                <c:pt idx="2943">
                  <c:v>-5539778.6628586901</c:v>
                </c:pt>
                <c:pt idx="2944">
                  <c:v>-5541478.5279331896</c:v>
                </c:pt>
                <c:pt idx="2945">
                  <c:v>-5542451.39511541</c:v>
                </c:pt>
                <c:pt idx="2946">
                  <c:v>-5419934.9518326903</c:v>
                </c:pt>
                <c:pt idx="2947">
                  <c:v>-5420120.2429606197</c:v>
                </c:pt>
                <c:pt idx="2948">
                  <c:v>-5396935.2040572204</c:v>
                </c:pt>
                <c:pt idx="2949">
                  <c:v>-5390463.2169588702</c:v>
                </c:pt>
                <c:pt idx="2950">
                  <c:v>-5421625.0317358803</c:v>
                </c:pt>
                <c:pt idx="2951">
                  <c:v>-5420514.6192252403</c:v>
                </c:pt>
                <c:pt idx="2952">
                  <c:v>-5417942.21091899</c:v>
                </c:pt>
                <c:pt idx="2953">
                  <c:v>-5427625.9901972897</c:v>
                </c:pt>
                <c:pt idx="2954">
                  <c:v>-5447311.1252991101</c:v>
                </c:pt>
                <c:pt idx="2955">
                  <c:v>-5524038.6760471798</c:v>
                </c:pt>
                <c:pt idx="2956">
                  <c:v>-5520249.2419227799</c:v>
                </c:pt>
                <c:pt idx="2957">
                  <c:v>-5456390.1117297905</c:v>
                </c:pt>
                <c:pt idx="2958">
                  <c:v>-5500713.7652317304</c:v>
                </c:pt>
                <c:pt idx="2959">
                  <c:v>-5501187.0637095701</c:v>
                </c:pt>
                <c:pt idx="2960">
                  <c:v>-5499508.1576764695</c:v>
                </c:pt>
                <c:pt idx="2961">
                  <c:v>-5511491.9627183201</c:v>
                </c:pt>
                <c:pt idx="2962">
                  <c:v>-5500610.4149593497</c:v>
                </c:pt>
                <c:pt idx="2963">
                  <c:v>-5493391.0129452301</c:v>
                </c:pt>
                <c:pt idx="2964">
                  <c:v>-5491411.23240689</c:v>
                </c:pt>
                <c:pt idx="2965">
                  <c:v>-5591237.2788934</c:v>
                </c:pt>
                <c:pt idx="2966">
                  <c:v>-5583981.2935306896</c:v>
                </c:pt>
                <c:pt idx="2967">
                  <c:v>-5660702.7104735197</c:v>
                </c:pt>
                <c:pt idx="2968">
                  <c:v>-5652806.8967470797</c:v>
                </c:pt>
                <c:pt idx="2969">
                  <c:v>-5654172.6154660303</c:v>
                </c:pt>
                <c:pt idx="2970">
                  <c:v>-5648683.4114272604</c:v>
                </c:pt>
                <c:pt idx="2971">
                  <c:v>-5646332.9106917297</c:v>
                </c:pt>
                <c:pt idx="2972">
                  <c:v>-5624603.3915836904</c:v>
                </c:pt>
                <c:pt idx="2973">
                  <c:v>-5617863.4523766702</c:v>
                </c:pt>
                <c:pt idx="2974">
                  <c:v>-5770576.0641716598</c:v>
                </c:pt>
                <c:pt idx="2975">
                  <c:v>-5780655.8746945802</c:v>
                </c:pt>
                <c:pt idx="2976">
                  <c:v>-5779589.5029559601</c:v>
                </c:pt>
                <c:pt idx="2977">
                  <c:v>-5777007.5257338798</c:v>
                </c:pt>
                <c:pt idx="2978">
                  <c:v>-5772973.95155292</c:v>
                </c:pt>
                <c:pt idx="2979">
                  <c:v>-5774474.5105694998</c:v>
                </c:pt>
                <c:pt idx="2980">
                  <c:v>-5770748.36074825</c:v>
                </c:pt>
                <c:pt idx="2981">
                  <c:v>-5749883.5559320403</c:v>
                </c:pt>
                <c:pt idx="2982">
                  <c:v>-5759498.9545802297</c:v>
                </c:pt>
                <c:pt idx="2983">
                  <c:v>-5760881.8572573699</c:v>
                </c:pt>
                <c:pt idx="2984">
                  <c:v>-5721708.9377859896</c:v>
                </c:pt>
                <c:pt idx="2985">
                  <c:v>-5730788.30961046</c:v>
                </c:pt>
                <c:pt idx="2986">
                  <c:v>-5711863.3643954098</c:v>
                </c:pt>
                <c:pt idx="2987">
                  <c:v>-5686597.9713834096</c:v>
                </c:pt>
                <c:pt idx="2988">
                  <c:v>-5664979.3282840597</c:v>
                </c:pt>
                <c:pt idx="2989">
                  <c:v>-5675713.1151701901</c:v>
                </c:pt>
                <c:pt idx="2990">
                  <c:v>-5662801.5167263197</c:v>
                </c:pt>
                <c:pt idx="2991">
                  <c:v>-5676910.4093395304</c:v>
                </c:pt>
                <c:pt idx="2992">
                  <c:v>-5644731.6850557197</c:v>
                </c:pt>
                <c:pt idx="2993">
                  <c:v>-5644731.6850557197</c:v>
                </c:pt>
                <c:pt idx="2994">
                  <c:v>-5645065.5886596097</c:v>
                </c:pt>
                <c:pt idx="2995">
                  <c:v>-5632017.2029343201</c:v>
                </c:pt>
                <c:pt idx="2996">
                  <c:v>-5612365.9687056104</c:v>
                </c:pt>
                <c:pt idx="2997">
                  <c:v>-5636318.6994378604</c:v>
                </c:pt>
                <c:pt idx="2998">
                  <c:v>-5632151.0365541996</c:v>
                </c:pt>
                <c:pt idx="2999">
                  <c:v>-5571605.3638875699</c:v>
                </c:pt>
                <c:pt idx="3000">
                  <c:v>-5649055.8244391298</c:v>
                </c:pt>
                <c:pt idx="3001">
                  <c:v>-5621751.8588647395</c:v>
                </c:pt>
                <c:pt idx="3002">
                  <c:v>-5626022.2730518403</c:v>
                </c:pt>
                <c:pt idx="3003">
                  <c:v>-5624712.6245197998</c:v>
                </c:pt>
                <c:pt idx="3004">
                  <c:v>-5611415.9355182098</c:v>
                </c:pt>
                <c:pt idx="3005">
                  <c:v>-5640186.9999211403</c:v>
                </c:pt>
                <c:pt idx="3006">
                  <c:v>-5593365.8268627198</c:v>
                </c:pt>
                <c:pt idx="3007">
                  <c:v>-5592534.4241297599</c:v>
                </c:pt>
                <c:pt idx="3008">
                  <c:v>-5590284.7646902604</c:v>
                </c:pt>
                <c:pt idx="3009">
                  <c:v>-5626460.96269623</c:v>
                </c:pt>
                <c:pt idx="3010">
                  <c:v>-5553595.8451175001</c:v>
                </c:pt>
                <c:pt idx="3011">
                  <c:v>-5553255.1154046003</c:v>
                </c:pt>
                <c:pt idx="3012">
                  <c:v>-5575932.5393316401</c:v>
                </c:pt>
                <c:pt idx="3013">
                  <c:v>-5533431.8643543497</c:v>
                </c:pt>
                <c:pt idx="3014">
                  <c:v>-5539214.0810429798</c:v>
                </c:pt>
                <c:pt idx="3015">
                  <c:v>-5524161.4400141397</c:v>
                </c:pt>
                <c:pt idx="3016">
                  <c:v>-5519193.3564393204</c:v>
                </c:pt>
                <c:pt idx="3017">
                  <c:v>-5504468.1783550996</c:v>
                </c:pt>
                <c:pt idx="3018">
                  <c:v>-5608878.2750187702</c:v>
                </c:pt>
                <c:pt idx="3019">
                  <c:v>-5602928.60452032</c:v>
                </c:pt>
                <c:pt idx="3020">
                  <c:v>-5589560.21548317</c:v>
                </c:pt>
                <c:pt idx="3021">
                  <c:v>-5596994.4089325098</c:v>
                </c:pt>
                <c:pt idx="3022">
                  <c:v>-5558314.0516673196</c:v>
                </c:pt>
                <c:pt idx="3023">
                  <c:v>-5568285.1959605496</c:v>
                </c:pt>
                <c:pt idx="3024">
                  <c:v>-5564635.1256089704</c:v>
                </c:pt>
                <c:pt idx="3025">
                  <c:v>-5491248.0163649097</c:v>
                </c:pt>
                <c:pt idx="3026">
                  <c:v>-5532505.4686677</c:v>
                </c:pt>
                <c:pt idx="3027">
                  <c:v>-5543926.2711970601</c:v>
                </c:pt>
                <c:pt idx="3028">
                  <c:v>-5542623.4658613503</c:v>
                </c:pt>
                <c:pt idx="3029">
                  <c:v>-5540489.1181287197</c:v>
                </c:pt>
                <c:pt idx="3030">
                  <c:v>-5550985.1446749698</c:v>
                </c:pt>
                <c:pt idx="3031">
                  <c:v>-5591754.2200762704</c:v>
                </c:pt>
                <c:pt idx="3032">
                  <c:v>-5636568.9248863198</c:v>
                </c:pt>
                <c:pt idx="3033">
                  <c:v>-5594687.3956644498</c:v>
                </c:pt>
                <c:pt idx="3034">
                  <c:v>-5599002.2764103301</c:v>
                </c:pt>
                <c:pt idx="3035">
                  <c:v>-5553731.1564351097</c:v>
                </c:pt>
                <c:pt idx="3036">
                  <c:v>-5558461.3379559303</c:v>
                </c:pt>
                <c:pt idx="3037">
                  <c:v>-5549121.1190216104</c:v>
                </c:pt>
                <c:pt idx="3038">
                  <c:v>-5551782.9822983705</c:v>
                </c:pt>
                <c:pt idx="3039">
                  <c:v>-5537583.7300560102</c:v>
                </c:pt>
                <c:pt idx="3040">
                  <c:v>-5566811.2100036601</c:v>
                </c:pt>
                <c:pt idx="3041">
                  <c:v>-5566741.0644968199</c:v>
                </c:pt>
                <c:pt idx="3042">
                  <c:v>-5561702.6718298299</c:v>
                </c:pt>
                <c:pt idx="3043">
                  <c:v>-5539318.8066323902</c:v>
                </c:pt>
                <c:pt idx="3044">
                  <c:v>-5493796.0473609101</c:v>
                </c:pt>
                <c:pt idx="3045">
                  <c:v>-5461631.2486154996</c:v>
                </c:pt>
                <c:pt idx="3046">
                  <c:v>-5492842.8866323</c:v>
                </c:pt>
                <c:pt idx="3047">
                  <c:v>-5492080.8906603102</c:v>
                </c:pt>
                <c:pt idx="3048">
                  <c:v>-5535759.1139219804</c:v>
                </c:pt>
                <c:pt idx="3049">
                  <c:v>-5543124.4704362899</c:v>
                </c:pt>
                <c:pt idx="3050">
                  <c:v>-5529285.4940214697</c:v>
                </c:pt>
                <c:pt idx="3051">
                  <c:v>-5518670.1284811199</c:v>
                </c:pt>
                <c:pt idx="3052">
                  <c:v>-5411662.7193521997</c:v>
                </c:pt>
                <c:pt idx="3053">
                  <c:v>-5417978.9688248904</c:v>
                </c:pt>
                <c:pt idx="3054">
                  <c:v>-5415853.7679282604</c:v>
                </c:pt>
                <c:pt idx="3055">
                  <c:v>-5364716.9291242696</c:v>
                </c:pt>
                <c:pt idx="3056">
                  <c:v>-5364825.72437781</c:v>
                </c:pt>
                <c:pt idx="3057">
                  <c:v>-5361012.2694955301</c:v>
                </c:pt>
                <c:pt idx="3058">
                  <c:v>-5362083.2337897699</c:v>
                </c:pt>
                <c:pt idx="3059">
                  <c:v>-5380060.8006298896</c:v>
                </c:pt>
                <c:pt idx="3060">
                  <c:v>-5377520.5910622599</c:v>
                </c:pt>
                <c:pt idx="3061">
                  <c:v>-5428428.2985977205</c:v>
                </c:pt>
                <c:pt idx="3062">
                  <c:v>-5460995.3095194995</c:v>
                </c:pt>
                <c:pt idx="3063">
                  <c:v>-5447407.8927246798</c:v>
                </c:pt>
                <c:pt idx="3064">
                  <c:v>-5478256.2976556402</c:v>
                </c:pt>
                <c:pt idx="3065">
                  <c:v>-5477127.2223673696</c:v>
                </c:pt>
                <c:pt idx="3066">
                  <c:v>-5451405.6335774995</c:v>
                </c:pt>
                <c:pt idx="3067">
                  <c:v>-5445478.9917633403</c:v>
                </c:pt>
                <c:pt idx="3068">
                  <c:v>-5407207.6689703604</c:v>
                </c:pt>
                <c:pt idx="3069">
                  <c:v>-5407381.1299557602</c:v>
                </c:pt>
                <c:pt idx="3070">
                  <c:v>-5400088.0586127602</c:v>
                </c:pt>
                <c:pt idx="3071">
                  <c:v>-5368913.6056989897</c:v>
                </c:pt>
                <c:pt idx="3072">
                  <c:v>-5358615.5066617699</c:v>
                </c:pt>
                <c:pt idx="3073">
                  <c:v>-5365383.8594189202</c:v>
                </c:pt>
                <c:pt idx="3074">
                  <c:v>-5362726.6279764399</c:v>
                </c:pt>
                <c:pt idx="3075">
                  <c:v>-5371597.1699331999</c:v>
                </c:pt>
                <c:pt idx="3076">
                  <c:v>-5378054.0528675197</c:v>
                </c:pt>
                <c:pt idx="3077">
                  <c:v>-5395384.8060040902</c:v>
                </c:pt>
                <c:pt idx="3078">
                  <c:v>-5351726.3342221202</c:v>
                </c:pt>
                <c:pt idx="3079">
                  <c:v>-5358247.6362576103</c:v>
                </c:pt>
                <c:pt idx="3080">
                  <c:v>-5395096.2686726302</c:v>
                </c:pt>
                <c:pt idx="3081">
                  <c:v>-5322861.2394309202</c:v>
                </c:pt>
                <c:pt idx="3082">
                  <c:v>-5324240.4030065099</c:v>
                </c:pt>
                <c:pt idx="3083">
                  <c:v>-5321945.3513234304</c:v>
                </c:pt>
                <c:pt idx="3084">
                  <c:v>-5337753.4058781397</c:v>
                </c:pt>
                <c:pt idx="3085">
                  <c:v>-5333566.2444056002</c:v>
                </c:pt>
                <c:pt idx="3086">
                  <c:v>-5373057.1936218403</c:v>
                </c:pt>
                <c:pt idx="3087">
                  <c:v>-5409389.43723231</c:v>
                </c:pt>
                <c:pt idx="3088">
                  <c:v>-5399925.3382778103</c:v>
                </c:pt>
                <c:pt idx="3089">
                  <c:v>-5328928.94521017</c:v>
                </c:pt>
                <c:pt idx="3090">
                  <c:v>-5253989.6977453697</c:v>
                </c:pt>
                <c:pt idx="3091">
                  <c:v>-5248077.1160765402</c:v>
                </c:pt>
                <c:pt idx="3092">
                  <c:v>-5224828.4767592195</c:v>
                </c:pt>
                <c:pt idx="3093">
                  <c:v>-5229961.7265734402</c:v>
                </c:pt>
                <c:pt idx="3094">
                  <c:v>-5231854.0213069497</c:v>
                </c:pt>
                <c:pt idx="3095">
                  <c:v>-5186411.9122858401</c:v>
                </c:pt>
                <c:pt idx="3096">
                  <c:v>-5185832.2176045598</c:v>
                </c:pt>
                <c:pt idx="3097">
                  <c:v>-5167106.7043782398</c:v>
                </c:pt>
                <c:pt idx="3098">
                  <c:v>-5161305.5440723002</c:v>
                </c:pt>
                <c:pt idx="3099">
                  <c:v>-5158711.4440881005</c:v>
                </c:pt>
                <c:pt idx="3100">
                  <c:v>-5148939.7743692296</c:v>
                </c:pt>
                <c:pt idx="3101">
                  <c:v>-5158493.4849484097</c:v>
                </c:pt>
                <c:pt idx="3102">
                  <c:v>-5173954.9459714601</c:v>
                </c:pt>
                <c:pt idx="3103">
                  <c:v>-5128254.3032195801</c:v>
                </c:pt>
                <c:pt idx="3104">
                  <c:v>-5130761.2112464802</c:v>
                </c:pt>
                <c:pt idx="3105">
                  <c:v>-5180310.0814414201</c:v>
                </c:pt>
                <c:pt idx="3106">
                  <c:v>-5159799.3131458499</c:v>
                </c:pt>
                <c:pt idx="3107">
                  <c:v>-5149972.5625222903</c:v>
                </c:pt>
                <c:pt idx="3108">
                  <c:v>-5143416.2080391599</c:v>
                </c:pt>
                <c:pt idx="3109">
                  <c:v>-5235794.9688082198</c:v>
                </c:pt>
                <c:pt idx="3110">
                  <c:v>-5297681.5943744499</c:v>
                </c:pt>
                <c:pt idx="3111">
                  <c:v>-5317168.6593640596</c:v>
                </c:pt>
                <c:pt idx="3112">
                  <c:v>-5330096.6512925997</c:v>
                </c:pt>
                <c:pt idx="3113">
                  <c:v>-5325890.0982986204</c:v>
                </c:pt>
                <c:pt idx="3114">
                  <c:v>-5322858.2646938805</c:v>
                </c:pt>
                <c:pt idx="3115">
                  <c:v>-5287316.1339520495</c:v>
                </c:pt>
                <c:pt idx="3116">
                  <c:v>-5355103.3943081303</c:v>
                </c:pt>
                <c:pt idx="3117">
                  <c:v>-5353834.2134584803</c:v>
                </c:pt>
                <c:pt idx="3118">
                  <c:v>-5438237.1338887298</c:v>
                </c:pt>
                <c:pt idx="3119">
                  <c:v>-5440350.5377638796</c:v>
                </c:pt>
                <c:pt idx="3120">
                  <c:v>-5449494.43472654</c:v>
                </c:pt>
                <c:pt idx="3121">
                  <c:v>-5377642.3772347402</c:v>
                </c:pt>
                <c:pt idx="3122">
                  <c:v>-5384686.4496630598</c:v>
                </c:pt>
                <c:pt idx="3123">
                  <c:v>-5363283.8553061299</c:v>
                </c:pt>
                <c:pt idx="3124">
                  <c:v>-5363185.5217040498</c:v>
                </c:pt>
                <c:pt idx="3125">
                  <c:v>-5256352.0884843096</c:v>
                </c:pt>
                <c:pt idx="3126">
                  <c:v>-5252703.6225112202</c:v>
                </c:pt>
                <c:pt idx="3127">
                  <c:v>-5293643.7098134402</c:v>
                </c:pt>
                <c:pt idx="3128">
                  <c:v>-5300717.3507626504</c:v>
                </c:pt>
                <c:pt idx="3129">
                  <c:v>-5364527.3858274398</c:v>
                </c:pt>
                <c:pt idx="3130">
                  <c:v>-5386863.3994729295</c:v>
                </c:pt>
                <c:pt idx="3131">
                  <c:v>-5377098.0636308696</c:v>
                </c:pt>
                <c:pt idx="3132">
                  <c:v>-5403835.0631424803</c:v>
                </c:pt>
                <c:pt idx="3133">
                  <c:v>-5254146.8329007998</c:v>
                </c:pt>
                <c:pt idx="3134">
                  <c:v>-5243819.8331428804</c:v>
                </c:pt>
                <c:pt idx="3135">
                  <c:v>-5247471.34042936</c:v>
                </c:pt>
                <c:pt idx="3136">
                  <c:v>-5279285.8083655098</c:v>
                </c:pt>
                <c:pt idx="3137">
                  <c:v>-5286896.3440079996</c:v>
                </c:pt>
                <c:pt idx="3138">
                  <c:v>-5260967.4290351504</c:v>
                </c:pt>
                <c:pt idx="3139">
                  <c:v>-5239103.2927936399</c:v>
                </c:pt>
                <c:pt idx="3140">
                  <c:v>-5228637.9394346103</c:v>
                </c:pt>
                <c:pt idx="3141">
                  <c:v>-5221074.9833049299</c:v>
                </c:pt>
                <c:pt idx="3142">
                  <c:v>-5144243.6652240101</c:v>
                </c:pt>
                <c:pt idx="3143">
                  <c:v>-5174868.5854505496</c:v>
                </c:pt>
                <c:pt idx="3144">
                  <c:v>-5135858.3360278904</c:v>
                </c:pt>
                <c:pt idx="3145">
                  <c:v>-5169025.3631969197</c:v>
                </c:pt>
                <c:pt idx="3146">
                  <c:v>-5338493.0020249402</c:v>
                </c:pt>
                <c:pt idx="3147">
                  <c:v>-5342113.6119564399</c:v>
                </c:pt>
                <c:pt idx="3148">
                  <c:v>-5344264.0407574195</c:v>
                </c:pt>
                <c:pt idx="3149">
                  <c:v>-5116344.8116098205</c:v>
                </c:pt>
                <c:pt idx="3150">
                  <c:v>-5116457.3475475097</c:v>
                </c:pt>
                <c:pt idx="3151">
                  <c:v>-5167255.8091200702</c:v>
                </c:pt>
                <c:pt idx="3152">
                  <c:v>-5225271.2970470302</c:v>
                </c:pt>
                <c:pt idx="3153">
                  <c:v>-5225271.2970470302</c:v>
                </c:pt>
                <c:pt idx="3154">
                  <c:v>-5184672.1024060799</c:v>
                </c:pt>
                <c:pt idx="3155">
                  <c:v>-5245817.8197301095</c:v>
                </c:pt>
                <c:pt idx="3156">
                  <c:v>-5200337.61109637</c:v>
                </c:pt>
                <c:pt idx="3157">
                  <c:v>-5174085.68287645</c:v>
                </c:pt>
                <c:pt idx="3158">
                  <c:v>-5166477.5208340297</c:v>
                </c:pt>
                <c:pt idx="3159">
                  <c:v>-5166477.5208340297</c:v>
                </c:pt>
                <c:pt idx="3160">
                  <c:v>-5169499.6477450803</c:v>
                </c:pt>
                <c:pt idx="3161">
                  <c:v>-5235185.1123175202</c:v>
                </c:pt>
                <c:pt idx="3162">
                  <c:v>-5241481.4087695302</c:v>
                </c:pt>
                <c:pt idx="3163">
                  <c:v>-5265737.5600046897</c:v>
                </c:pt>
                <c:pt idx="3164">
                  <c:v>-5282352.1133102104</c:v>
                </c:pt>
                <c:pt idx="3165">
                  <c:v>-5304021.1699674902</c:v>
                </c:pt>
                <c:pt idx="3166">
                  <c:v>-5316528.66225571</c:v>
                </c:pt>
                <c:pt idx="3167">
                  <c:v>-5325555.9820904396</c:v>
                </c:pt>
                <c:pt idx="3168">
                  <c:v>-5372642.65286671</c:v>
                </c:pt>
                <c:pt idx="3169">
                  <c:v>-5357686.3838290004</c:v>
                </c:pt>
                <c:pt idx="3170">
                  <c:v>-5289526.5533270398</c:v>
                </c:pt>
                <c:pt idx="3171">
                  <c:v>-5296289.9777363203</c:v>
                </c:pt>
                <c:pt idx="3172">
                  <c:v>-5307913.9700883403</c:v>
                </c:pt>
                <c:pt idx="3173">
                  <c:v>-5274943.8550405595</c:v>
                </c:pt>
                <c:pt idx="3174">
                  <c:v>-5280062.8519415502</c:v>
                </c:pt>
                <c:pt idx="3175">
                  <c:v>-5283213.3327271398</c:v>
                </c:pt>
                <c:pt idx="3176">
                  <c:v>-5289532.6069569401</c:v>
                </c:pt>
                <c:pt idx="3177">
                  <c:v>-5314818.53752812</c:v>
                </c:pt>
                <c:pt idx="3178">
                  <c:v>-5294266.0451332098</c:v>
                </c:pt>
                <c:pt idx="3179">
                  <c:v>-5338155.4053874398</c:v>
                </c:pt>
                <c:pt idx="3180">
                  <c:v>-5335769.2754551899</c:v>
                </c:pt>
                <c:pt idx="3181">
                  <c:v>-5334264.2004568502</c:v>
                </c:pt>
                <c:pt idx="3182">
                  <c:v>-5337649.2393692601</c:v>
                </c:pt>
                <c:pt idx="3183">
                  <c:v>-5337099.61573774</c:v>
                </c:pt>
                <c:pt idx="3184">
                  <c:v>-5325785.1685678698</c:v>
                </c:pt>
                <c:pt idx="3185">
                  <c:v>-5332054.3951245798</c:v>
                </c:pt>
                <c:pt idx="3186">
                  <c:v>-5353219.66703445</c:v>
                </c:pt>
                <c:pt idx="3187">
                  <c:v>-5350593.95667494</c:v>
                </c:pt>
                <c:pt idx="3188">
                  <c:v>-5338486.1546595702</c:v>
                </c:pt>
                <c:pt idx="3189">
                  <c:v>-5331701.7912861202</c:v>
                </c:pt>
                <c:pt idx="3190">
                  <c:v>-5274588.3782636402</c:v>
                </c:pt>
                <c:pt idx="3191">
                  <c:v>-5263926.3925619703</c:v>
                </c:pt>
                <c:pt idx="3192">
                  <c:v>-5259720.2243157197</c:v>
                </c:pt>
                <c:pt idx="3193">
                  <c:v>-5260246.9340576604</c:v>
                </c:pt>
                <c:pt idx="3194">
                  <c:v>-5225147.2674205396</c:v>
                </c:pt>
                <c:pt idx="3195">
                  <c:v>-5245735.78622788</c:v>
                </c:pt>
                <c:pt idx="3196">
                  <c:v>-5233743.2349390797</c:v>
                </c:pt>
                <c:pt idx="3197">
                  <c:v>-5235474.8680053204</c:v>
                </c:pt>
                <c:pt idx="3198">
                  <c:v>-5252451.5100580603</c:v>
                </c:pt>
                <c:pt idx="3199">
                  <c:v>-5230152.2836943204</c:v>
                </c:pt>
                <c:pt idx="3200">
                  <c:v>-5233307.8056185301</c:v>
                </c:pt>
                <c:pt idx="3201">
                  <c:v>-5231664.7527975701</c:v>
                </c:pt>
                <c:pt idx="3202">
                  <c:v>-5188982.3914772803</c:v>
                </c:pt>
                <c:pt idx="3203">
                  <c:v>-5190497.1173350699</c:v>
                </c:pt>
                <c:pt idx="3204">
                  <c:v>-5201447.6227700096</c:v>
                </c:pt>
                <c:pt idx="3205">
                  <c:v>-5201028.8188047605</c:v>
                </c:pt>
                <c:pt idx="3206">
                  <c:v>-5205188.70258033</c:v>
                </c:pt>
                <c:pt idx="3207">
                  <c:v>-5205444.8391449898</c:v>
                </c:pt>
                <c:pt idx="3208">
                  <c:v>-5205444.8391449898</c:v>
                </c:pt>
                <c:pt idx="3209">
                  <c:v>-5186296.03411825</c:v>
                </c:pt>
                <c:pt idx="3210">
                  <c:v>-5181743.8134007799</c:v>
                </c:pt>
                <c:pt idx="3211">
                  <c:v>-5187469.25586964</c:v>
                </c:pt>
                <c:pt idx="3212">
                  <c:v>-5179708.7325602099</c:v>
                </c:pt>
                <c:pt idx="3213">
                  <c:v>-5165503.4506339496</c:v>
                </c:pt>
                <c:pt idx="3214">
                  <c:v>-5172440.86066435</c:v>
                </c:pt>
                <c:pt idx="3215">
                  <c:v>-5170294.4471911797</c:v>
                </c:pt>
                <c:pt idx="3216">
                  <c:v>-5194552.8991123997</c:v>
                </c:pt>
                <c:pt idx="3217">
                  <c:v>-5204444.41788371</c:v>
                </c:pt>
                <c:pt idx="3218">
                  <c:v>-5203197.3238507798</c:v>
                </c:pt>
                <c:pt idx="3219">
                  <c:v>-5170759.2725983597</c:v>
                </c:pt>
                <c:pt idx="3220">
                  <c:v>-5172068.0746142399</c:v>
                </c:pt>
                <c:pt idx="3221">
                  <c:v>-5112928.9564265301</c:v>
                </c:pt>
                <c:pt idx="3222">
                  <c:v>-5160017.0920185596</c:v>
                </c:pt>
                <c:pt idx="3223">
                  <c:v>-5185860.6965147201</c:v>
                </c:pt>
                <c:pt idx="3224">
                  <c:v>-5212785.5550195696</c:v>
                </c:pt>
                <c:pt idx="3225">
                  <c:v>-5205574.9237262597</c:v>
                </c:pt>
                <c:pt idx="3226">
                  <c:v>-5211825.0219024504</c:v>
                </c:pt>
                <c:pt idx="3227">
                  <c:v>-5183358.2455223901</c:v>
                </c:pt>
                <c:pt idx="3228">
                  <c:v>-5184602.8150578998</c:v>
                </c:pt>
                <c:pt idx="3229">
                  <c:v>-5177001.6186639201</c:v>
                </c:pt>
                <c:pt idx="3230">
                  <c:v>-5189873.1184121296</c:v>
                </c:pt>
                <c:pt idx="3231">
                  <c:v>-5184953.8462233897</c:v>
                </c:pt>
                <c:pt idx="3232">
                  <c:v>-5222847.1786018098</c:v>
                </c:pt>
                <c:pt idx="3233">
                  <c:v>-5167811.5494395504</c:v>
                </c:pt>
                <c:pt idx="3234">
                  <c:v>-5165152.5444848798</c:v>
                </c:pt>
                <c:pt idx="3235">
                  <c:v>-5160751.1475932701</c:v>
                </c:pt>
                <c:pt idx="3236">
                  <c:v>-5167642.5335230902</c:v>
                </c:pt>
                <c:pt idx="3237">
                  <c:v>-5155920.43206836</c:v>
                </c:pt>
                <c:pt idx="3238">
                  <c:v>-5146917.3857059004</c:v>
                </c:pt>
                <c:pt idx="3239">
                  <c:v>-5195848.6730615804</c:v>
                </c:pt>
                <c:pt idx="3240">
                  <c:v>-5187645.8621835597</c:v>
                </c:pt>
                <c:pt idx="3241">
                  <c:v>-5162158.7193434201</c:v>
                </c:pt>
                <c:pt idx="3242">
                  <c:v>-5167077.8141667098</c:v>
                </c:pt>
                <c:pt idx="3243">
                  <c:v>-5170815.6717583602</c:v>
                </c:pt>
                <c:pt idx="3244">
                  <c:v>-5129880.9746411899</c:v>
                </c:pt>
                <c:pt idx="3245">
                  <c:v>-5132015.2474665698</c:v>
                </c:pt>
                <c:pt idx="3246">
                  <c:v>-5123940.8054661201</c:v>
                </c:pt>
                <c:pt idx="3247">
                  <c:v>-5129486.0237597302</c:v>
                </c:pt>
                <c:pt idx="3248">
                  <c:v>-5081574.5566018801</c:v>
                </c:pt>
                <c:pt idx="3249">
                  <c:v>-5111282.1226571603</c:v>
                </c:pt>
                <c:pt idx="3250">
                  <c:v>-5105519.9163923496</c:v>
                </c:pt>
                <c:pt idx="3251">
                  <c:v>-5092281.5518094702</c:v>
                </c:pt>
                <c:pt idx="3252">
                  <c:v>-5095935.95489923</c:v>
                </c:pt>
                <c:pt idx="3253">
                  <c:v>-5095935.95489923</c:v>
                </c:pt>
                <c:pt idx="3254">
                  <c:v>-5108651.1098707197</c:v>
                </c:pt>
                <c:pt idx="3255">
                  <c:v>-5126072.5079663303</c:v>
                </c:pt>
                <c:pt idx="3256">
                  <c:v>-5156760.3664169302</c:v>
                </c:pt>
                <c:pt idx="3257">
                  <c:v>-5131879.4332979796</c:v>
                </c:pt>
                <c:pt idx="3258">
                  <c:v>-5124555.0602147197</c:v>
                </c:pt>
                <c:pt idx="3259">
                  <c:v>-5119737.2965702601</c:v>
                </c:pt>
                <c:pt idx="3260">
                  <c:v>-5121136.8214576701</c:v>
                </c:pt>
                <c:pt idx="3261">
                  <c:v>-5109018.8049408197</c:v>
                </c:pt>
                <c:pt idx="3262">
                  <c:v>-5099698.52076614</c:v>
                </c:pt>
                <c:pt idx="3263">
                  <c:v>-5055045.2811583504</c:v>
                </c:pt>
                <c:pt idx="3264">
                  <c:v>-5062533.1106586102</c:v>
                </c:pt>
                <c:pt idx="3265">
                  <c:v>-5124970.6417711303</c:v>
                </c:pt>
                <c:pt idx="3266">
                  <c:v>-5095897.3983186502</c:v>
                </c:pt>
                <c:pt idx="3267">
                  <c:v>-5075915.0573503999</c:v>
                </c:pt>
                <c:pt idx="3268">
                  <c:v>-5065999.0679150596</c:v>
                </c:pt>
                <c:pt idx="3269">
                  <c:v>-4971801.3116929196</c:v>
                </c:pt>
                <c:pt idx="3270">
                  <c:v>-5002807.6054886896</c:v>
                </c:pt>
                <c:pt idx="3271">
                  <c:v>-4981311.2041997099</c:v>
                </c:pt>
                <c:pt idx="3272">
                  <c:v>-5004658.1712799696</c:v>
                </c:pt>
                <c:pt idx="3273">
                  <c:v>-4944139.3886432201</c:v>
                </c:pt>
                <c:pt idx="3274">
                  <c:v>-4974250.2343076002</c:v>
                </c:pt>
                <c:pt idx="3275">
                  <c:v>-5022380.86890761</c:v>
                </c:pt>
                <c:pt idx="3276">
                  <c:v>-5019391.4949029395</c:v>
                </c:pt>
                <c:pt idx="3277">
                  <c:v>-5024455.5198434098</c:v>
                </c:pt>
                <c:pt idx="3278">
                  <c:v>-5019782.0813006498</c:v>
                </c:pt>
                <c:pt idx="3279">
                  <c:v>-5016986.2729566898</c:v>
                </c:pt>
                <c:pt idx="3280">
                  <c:v>-4963737.9409487303</c:v>
                </c:pt>
                <c:pt idx="3281">
                  <c:v>-4949532.8863351298</c:v>
                </c:pt>
                <c:pt idx="3282">
                  <c:v>-4946229.9753742702</c:v>
                </c:pt>
                <c:pt idx="3283">
                  <c:v>-4964569.9185739905</c:v>
                </c:pt>
                <c:pt idx="3284">
                  <c:v>-4965946.6886958396</c:v>
                </c:pt>
                <c:pt idx="3285">
                  <c:v>-4960892.0500811301</c:v>
                </c:pt>
                <c:pt idx="3286">
                  <c:v>-4968076.6970264399</c:v>
                </c:pt>
                <c:pt idx="3287">
                  <c:v>-4976235.4034372298</c:v>
                </c:pt>
                <c:pt idx="3288">
                  <c:v>-5008805.7975472203</c:v>
                </c:pt>
                <c:pt idx="3289">
                  <c:v>-4958932.3817070797</c:v>
                </c:pt>
                <c:pt idx="3290">
                  <c:v>-4941228.1244666204</c:v>
                </c:pt>
                <c:pt idx="3291">
                  <c:v>-4937758.4856554</c:v>
                </c:pt>
                <c:pt idx="3292">
                  <c:v>-4970953.8367118305</c:v>
                </c:pt>
                <c:pt idx="3293">
                  <c:v>-5012566.7871743403</c:v>
                </c:pt>
                <c:pt idx="3294">
                  <c:v>-5003534.2727009105</c:v>
                </c:pt>
                <c:pt idx="3295">
                  <c:v>-5006856.7457556799</c:v>
                </c:pt>
                <c:pt idx="3296">
                  <c:v>-4995151.4861858003</c:v>
                </c:pt>
                <c:pt idx="3297">
                  <c:v>-5017458.3793433197</c:v>
                </c:pt>
                <c:pt idx="3298">
                  <c:v>-5018506.6801732602</c:v>
                </c:pt>
                <c:pt idx="3299">
                  <c:v>-5019836.6352634197</c:v>
                </c:pt>
                <c:pt idx="3300">
                  <c:v>-5024493.6215273002</c:v>
                </c:pt>
                <c:pt idx="3301">
                  <c:v>-5025367.2528772699</c:v>
                </c:pt>
                <c:pt idx="3302">
                  <c:v>-5012047.73693127</c:v>
                </c:pt>
                <c:pt idx="3303">
                  <c:v>-5004226.0906919204</c:v>
                </c:pt>
                <c:pt idx="3304">
                  <c:v>-4991972.7344561704</c:v>
                </c:pt>
                <c:pt idx="3305">
                  <c:v>-4992662.9209038904</c:v>
                </c:pt>
                <c:pt idx="3306">
                  <c:v>-5006002.9038379602</c:v>
                </c:pt>
                <c:pt idx="3307">
                  <c:v>-5029634.4243557602</c:v>
                </c:pt>
                <c:pt idx="3308">
                  <c:v>-5029199.7731229197</c:v>
                </c:pt>
                <c:pt idx="3309">
                  <c:v>-4995472.9417032804</c:v>
                </c:pt>
                <c:pt idx="3310">
                  <c:v>-4995472.9417032804</c:v>
                </c:pt>
                <c:pt idx="3311">
                  <c:v>-5001746.1577279503</c:v>
                </c:pt>
                <c:pt idx="3312">
                  <c:v>-5019837.4872944998</c:v>
                </c:pt>
                <c:pt idx="3313">
                  <c:v>-4999222.8098820597</c:v>
                </c:pt>
                <c:pt idx="3314">
                  <c:v>-5000740.7147641899</c:v>
                </c:pt>
                <c:pt idx="3315">
                  <c:v>-4968419.5049265102</c:v>
                </c:pt>
                <c:pt idx="3316">
                  <c:v>-4972786.05536428</c:v>
                </c:pt>
                <c:pt idx="3317">
                  <c:v>-4971552.0408145702</c:v>
                </c:pt>
                <c:pt idx="3318">
                  <c:v>-4984354.3457414499</c:v>
                </c:pt>
                <c:pt idx="3319">
                  <c:v>-4970753.7412779098</c:v>
                </c:pt>
                <c:pt idx="3320">
                  <c:v>-4967115.2958054701</c:v>
                </c:pt>
                <c:pt idx="3321">
                  <c:v>-4966990.3568104804</c:v>
                </c:pt>
                <c:pt idx="3322">
                  <c:v>-4957120.5653855298</c:v>
                </c:pt>
                <c:pt idx="3323">
                  <c:v>-4933893.2662126999</c:v>
                </c:pt>
                <c:pt idx="3324">
                  <c:v>-4935489.0320959296</c:v>
                </c:pt>
                <c:pt idx="3325">
                  <c:v>-4975696.2213460701</c:v>
                </c:pt>
                <c:pt idx="3326">
                  <c:v>-4979821.86179638</c:v>
                </c:pt>
                <c:pt idx="3327">
                  <c:v>-4926517.18894797</c:v>
                </c:pt>
                <c:pt idx="3328">
                  <c:v>-4926619.48521649</c:v>
                </c:pt>
                <c:pt idx="3329">
                  <c:v>-4936734.0245842198</c:v>
                </c:pt>
                <c:pt idx="3330">
                  <c:v>-4933193.0283198701</c:v>
                </c:pt>
                <c:pt idx="3331">
                  <c:v>-4928617.0890719304</c:v>
                </c:pt>
                <c:pt idx="3332">
                  <c:v>-4929595.0158657702</c:v>
                </c:pt>
                <c:pt idx="3333">
                  <c:v>-4901420.36602089</c:v>
                </c:pt>
                <c:pt idx="3334">
                  <c:v>-4918636.3526530601</c:v>
                </c:pt>
                <c:pt idx="3335">
                  <c:v>-4857525.7571856901</c:v>
                </c:pt>
                <c:pt idx="3336">
                  <c:v>-4856071.3695125896</c:v>
                </c:pt>
                <c:pt idx="3337">
                  <c:v>-4852340.78544294</c:v>
                </c:pt>
                <c:pt idx="3338">
                  <c:v>-4838451.91653556</c:v>
                </c:pt>
                <c:pt idx="3339">
                  <c:v>-4850523.49480653</c:v>
                </c:pt>
                <c:pt idx="3340">
                  <c:v>-4850476.5434978204</c:v>
                </c:pt>
                <c:pt idx="3341">
                  <c:v>-4928467.4525986696</c:v>
                </c:pt>
                <c:pt idx="3342">
                  <c:v>-4901013.8597443998</c:v>
                </c:pt>
                <c:pt idx="3343">
                  <c:v>-4833313.13121936</c:v>
                </c:pt>
                <c:pt idx="3344">
                  <c:v>-4832167.3713404397</c:v>
                </c:pt>
                <c:pt idx="3345">
                  <c:v>-4834941.6977207595</c:v>
                </c:pt>
                <c:pt idx="3346">
                  <c:v>-4851077.27223056</c:v>
                </c:pt>
                <c:pt idx="3347">
                  <c:v>-4845583.5094173905</c:v>
                </c:pt>
                <c:pt idx="3348">
                  <c:v>-4832961.0304670399</c:v>
                </c:pt>
                <c:pt idx="3349">
                  <c:v>-4849024.2024643198</c:v>
                </c:pt>
                <c:pt idx="3350">
                  <c:v>-4833249.75374889</c:v>
                </c:pt>
                <c:pt idx="3351">
                  <c:v>-4836967.0549849104</c:v>
                </c:pt>
                <c:pt idx="3352">
                  <c:v>-4829721.9979675803</c:v>
                </c:pt>
                <c:pt idx="3353">
                  <c:v>-4758635.0741494996</c:v>
                </c:pt>
                <c:pt idx="3354">
                  <c:v>-4716862.3259138698</c:v>
                </c:pt>
                <c:pt idx="3355">
                  <c:v>-4736366.4406452896</c:v>
                </c:pt>
                <c:pt idx="3356">
                  <c:v>-4697146.9095813697</c:v>
                </c:pt>
                <c:pt idx="3357">
                  <c:v>-4694632.5060569998</c:v>
                </c:pt>
                <c:pt idx="3358">
                  <c:v>-4694632.5060569998</c:v>
                </c:pt>
                <c:pt idx="3359">
                  <c:v>-4693486.9793332703</c:v>
                </c:pt>
                <c:pt idx="3360">
                  <c:v>-4699705.49540025</c:v>
                </c:pt>
                <c:pt idx="3361">
                  <c:v>-4700875.4852830097</c:v>
                </c:pt>
                <c:pt idx="3362">
                  <c:v>-4698773.1512171403</c:v>
                </c:pt>
                <c:pt idx="3363">
                  <c:v>-4688813.7857050197</c:v>
                </c:pt>
                <c:pt idx="3364">
                  <c:v>-4673181.13637794</c:v>
                </c:pt>
                <c:pt idx="3365">
                  <c:v>-4693230.9495246904</c:v>
                </c:pt>
                <c:pt idx="3366">
                  <c:v>-4693657.6061512297</c:v>
                </c:pt>
                <c:pt idx="3367">
                  <c:v>-4696205.5416088495</c:v>
                </c:pt>
                <c:pt idx="3368">
                  <c:v>-4678709.1083665602</c:v>
                </c:pt>
                <c:pt idx="3369">
                  <c:v>-4672458.4892796502</c:v>
                </c:pt>
                <c:pt idx="3370">
                  <c:v>-4704419.6836277703</c:v>
                </c:pt>
                <c:pt idx="3371">
                  <c:v>-4717394.8546143202</c:v>
                </c:pt>
                <c:pt idx="3372">
                  <c:v>-4707598.8235758496</c:v>
                </c:pt>
                <c:pt idx="3373">
                  <c:v>-4716271.5999198603</c:v>
                </c:pt>
                <c:pt idx="3374">
                  <c:v>-4703674.6476125298</c:v>
                </c:pt>
                <c:pt idx="3375">
                  <c:v>-4700719.5206140596</c:v>
                </c:pt>
                <c:pt idx="3376">
                  <c:v>-4700549.85751436</c:v>
                </c:pt>
                <c:pt idx="3377">
                  <c:v>-4713821.9666090999</c:v>
                </c:pt>
                <c:pt idx="3378">
                  <c:v>-4720373.8300336301</c:v>
                </c:pt>
                <c:pt idx="3379">
                  <c:v>-4735237.7138893995</c:v>
                </c:pt>
                <c:pt idx="3380">
                  <c:v>-4732669.8622567505</c:v>
                </c:pt>
                <c:pt idx="3381">
                  <c:v>-4707538.2712991703</c:v>
                </c:pt>
                <c:pt idx="3382">
                  <c:v>-4711253.6488484601</c:v>
                </c:pt>
                <c:pt idx="3383">
                  <c:v>-4688483.1452861503</c:v>
                </c:pt>
                <c:pt idx="3384">
                  <c:v>-4684490.0321734399</c:v>
                </c:pt>
                <c:pt idx="3385">
                  <c:v>-4691920.2863033097</c:v>
                </c:pt>
                <c:pt idx="3386">
                  <c:v>-4682196.7685766099</c:v>
                </c:pt>
                <c:pt idx="3387">
                  <c:v>-4706435.9506374896</c:v>
                </c:pt>
                <c:pt idx="3388">
                  <c:v>-4723409.2209477201</c:v>
                </c:pt>
                <c:pt idx="3389">
                  <c:v>-4723328.5329599697</c:v>
                </c:pt>
                <c:pt idx="3390">
                  <c:v>-4713252.8322657403</c:v>
                </c:pt>
                <c:pt idx="3391">
                  <c:v>-4709352.3111985503</c:v>
                </c:pt>
                <c:pt idx="3392">
                  <c:v>-4708514.0546388403</c:v>
                </c:pt>
                <c:pt idx="3393">
                  <c:v>-4789578.3525160598</c:v>
                </c:pt>
                <c:pt idx="3394">
                  <c:v>-4785641.6389347501</c:v>
                </c:pt>
                <c:pt idx="3395">
                  <c:v>-4819324.2845713999</c:v>
                </c:pt>
                <c:pt idx="3396">
                  <c:v>-4810946.8371285498</c:v>
                </c:pt>
                <c:pt idx="3397">
                  <c:v>-4808613.2267209804</c:v>
                </c:pt>
                <c:pt idx="3398">
                  <c:v>-4807809.6054020897</c:v>
                </c:pt>
                <c:pt idx="3399">
                  <c:v>-4804624.0147025697</c:v>
                </c:pt>
                <c:pt idx="3400">
                  <c:v>-4794876.04856392</c:v>
                </c:pt>
                <c:pt idx="3401">
                  <c:v>-4761681.1209427798</c:v>
                </c:pt>
                <c:pt idx="3402">
                  <c:v>-4776587.0244339602</c:v>
                </c:pt>
                <c:pt idx="3403">
                  <c:v>-4780704.9235368203</c:v>
                </c:pt>
                <c:pt idx="3404">
                  <c:v>-4767398.5578046804</c:v>
                </c:pt>
                <c:pt idx="3405">
                  <c:v>-4767911.4731549798</c:v>
                </c:pt>
                <c:pt idx="3406">
                  <c:v>-4790505.77672204</c:v>
                </c:pt>
                <c:pt idx="3407">
                  <c:v>-4792738.5801736899</c:v>
                </c:pt>
                <c:pt idx="3408">
                  <c:v>-4728585.5903728101</c:v>
                </c:pt>
                <c:pt idx="3409">
                  <c:v>-4800765.9433178697</c:v>
                </c:pt>
                <c:pt idx="3410">
                  <c:v>-4821899.55585647</c:v>
                </c:pt>
                <c:pt idx="3411">
                  <c:v>-4807332.3855270296</c:v>
                </c:pt>
                <c:pt idx="3412">
                  <c:v>-4817494.5421681302</c:v>
                </c:pt>
                <c:pt idx="3413">
                  <c:v>-4812572.0505526802</c:v>
                </c:pt>
                <c:pt idx="3414">
                  <c:v>-4811899.7140216799</c:v>
                </c:pt>
                <c:pt idx="3415">
                  <c:v>-4825392.9674503896</c:v>
                </c:pt>
                <c:pt idx="3416">
                  <c:v>-4773008.5583045203</c:v>
                </c:pt>
                <c:pt idx="3417">
                  <c:v>-4774199.7205424197</c:v>
                </c:pt>
                <c:pt idx="3418">
                  <c:v>-4777332.1195788002</c:v>
                </c:pt>
                <c:pt idx="3419">
                  <c:v>-4753280.0259166602</c:v>
                </c:pt>
                <c:pt idx="3420">
                  <c:v>-4754793.1165907504</c:v>
                </c:pt>
                <c:pt idx="3421">
                  <c:v>-4751248.4492582902</c:v>
                </c:pt>
                <c:pt idx="3422">
                  <c:v>-4771814.6576764397</c:v>
                </c:pt>
                <c:pt idx="3423">
                  <c:v>-4772063.9821841205</c:v>
                </c:pt>
                <c:pt idx="3424">
                  <c:v>-4783724.2180754403</c:v>
                </c:pt>
                <c:pt idx="3425">
                  <c:v>-4783000.2430993896</c:v>
                </c:pt>
                <c:pt idx="3426">
                  <c:v>-4758410.3690007199</c:v>
                </c:pt>
                <c:pt idx="3427">
                  <c:v>-4761986.7765512699</c:v>
                </c:pt>
                <c:pt idx="3428">
                  <c:v>-4745359.4021915002</c:v>
                </c:pt>
                <c:pt idx="3429">
                  <c:v>-4744134.2554841898</c:v>
                </c:pt>
                <c:pt idx="3430">
                  <c:v>-4736186.0080016498</c:v>
                </c:pt>
                <c:pt idx="3431">
                  <c:v>-4733152.81168216</c:v>
                </c:pt>
                <c:pt idx="3432">
                  <c:v>-4723964.1081905598</c:v>
                </c:pt>
                <c:pt idx="3433">
                  <c:v>-4749648.3790763495</c:v>
                </c:pt>
                <c:pt idx="3434">
                  <c:v>-4749715.0318338601</c:v>
                </c:pt>
                <c:pt idx="3435">
                  <c:v>-4729403.9453608701</c:v>
                </c:pt>
                <c:pt idx="3436">
                  <c:v>-4737763.0804619202</c:v>
                </c:pt>
                <c:pt idx="3437">
                  <c:v>-4734177.8124067103</c:v>
                </c:pt>
                <c:pt idx="3438">
                  <c:v>-4778344.5519747501</c:v>
                </c:pt>
                <c:pt idx="3439">
                  <c:v>-4789416.8376572002</c:v>
                </c:pt>
                <c:pt idx="3440">
                  <c:v>-4785175.2787828203</c:v>
                </c:pt>
                <c:pt idx="3441">
                  <c:v>-4780601.6491756598</c:v>
                </c:pt>
                <c:pt idx="3442">
                  <c:v>-4777770.2375398604</c:v>
                </c:pt>
                <c:pt idx="3443">
                  <c:v>-4813850.8643906703</c:v>
                </c:pt>
                <c:pt idx="3444">
                  <c:v>-4832102.1823919499</c:v>
                </c:pt>
                <c:pt idx="3445">
                  <c:v>-4824299.2574026296</c:v>
                </c:pt>
                <c:pt idx="3446">
                  <c:v>-4815292.1652555699</c:v>
                </c:pt>
                <c:pt idx="3447">
                  <c:v>-4831002.4256244404</c:v>
                </c:pt>
                <c:pt idx="3448">
                  <c:v>-4837383.3477096604</c:v>
                </c:pt>
                <c:pt idx="3449">
                  <c:v>-4854061.9447149001</c:v>
                </c:pt>
                <c:pt idx="3450">
                  <c:v>-4841063.1021963097</c:v>
                </c:pt>
                <c:pt idx="3451">
                  <c:v>-4813556.87518539</c:v>
                </c:pt>
                <c:pt idx="3452">
                  <c:v>-4813523.5214518802</c:v>
                </c:pt>
                <c:pt idx="3453">
                  <c:v>-4826753.6437692298</c:v>
                </c:pt>
                <c:pt idx="3454">
                  <c:v>-4819560.2369959103</c:v>
                </c:pt>
                <c:pt idx="3455">
                  <c:v>-4792438.9565393804</c:v>
                </c:pt>
                <c:pt idx="3456">
                  <c:v>-4812277.4534560703</c:v>
                </c:pt>
                <c:pt idx="3457">
                  <c:v>-4809748.16456124</c:v>
                </c:pt>
                <c:pt idx="3458">
                  <c:v>-4799643.2461187998</c:v>
                </c:pt>
                <c:pt idx="3459">
                  <c:v>-4764963.2545522302</c:v>
                </c:pt>
                <c:pt idx="3460">
                  <c:v>-4789282.9694458097</c:v>
                </c:pt>
                <c:pt idx="3461">
                  <c:v>-4792263.9549738998</c:v>
                </c:pt>
                <c:pt idx="3462">
                  <c:v>-4791837.7119070804</c:v>
                </c:pt>
                <c:pt idx="3463">
                  <c:v>-4773301.80824388</c:v>
                </c:pt>
                <c:pt idx="3464">
                  <c:v>-4756993.8003500002</c:v>
                </c:pt>
                <c:pt idx="3465">
                  <c:v>-4761190.1744982703</c:v>
                </c:pt>
                <c:pt idx="3466">
                  <c:v>-4747469.6787746996</c:v>
                </c:pt>
                <c:pt idx="3467">
                  <c:v>-4747469.6787746996</c:v>
                </c:pt>
                <c:pt idx="3468">
                  <c:v>-4765583.2151225796</c:v>
                </c:pt>
                <c:pt idx="3469">
                  <c:v>-4765994.6121422797</c:v>
                </c:pt>
                <c:pt idx="3470">
                  <c:v>-4752798.6679257303</c:v>
                </c:pt>
                <c:pt idx="3471">
                  <c:v>-4733317.4293601299</c:v>
                </c:pt>
                <c:pt idx="3472">
                  <c:v>-4726979.2009513397</c:v>
                </c:pt>
                <c:pt idx="3473">
                  <c:v>-4733454.0603799503</c:v>
                </c:pt>
                <c:pt idx="3474">
                  <c:v>-4751331.7620590599</c:v>
                </c:pt>
                <c:pt idx="3475">
                  <c:v>-4767214.5525126196</c:v>
                </c:pt>
                <c:pt idx="3476">
                  <c:v>-4784489.8835007204</c:v>
                </c:pt>
                <c:pt idx="3477">
                  <c:v>-4783765.8923100997</c:v>
                </c:pt>
                <c:pt idx="3478">
                  <c:v>-4774557.5944753103</c:v>
                </c:pt>
                <c:pt idx="3479">
                  <c:v>-4775229.9688483197</c:v>
                </c:pt>
                <c:pt idx="3480">
                  <c:v>-4768139.9741865704</c:v>
                </c:pt>
                <c:pt idx="3481">
                  <c:v>-4765088.0507383002</c:v>
                </c:pt>
                <c:pt idx="3482">
                  <c:v>-4760849.3745904602</c:v>
                </c:pt>
                <c:pt idx="3483">
                  <c:v>-4757509.2768519996</c:v>
                </c:pt>
                <c:pt idx="3484">
                  <c:v>-4757060.6062794803</c:v>
                </c:pt>
                <c:pt idx="3485">
                  <c:v>-4811769.5048131896</c:v>
                </c:pt>
                <c:pt idx="3486">
                  <c:v>-4818677.3618296599</c:v>
                </c:pt>
                <c:pt idx="3487">
                  <c:v>-4761915.3737112395</c:v>
                </c:pt>
                <c:pt idx="3488">
                  <c:v>-4750827.9766202699</c:v>
                </c:pt>
                <c:pt idx="3489">
                  <c:v>-4750736.6749725202</c:v>
                </c:pt>
                <c:pt idx="3490">
                  <c:v>-4745686.6074551297</c:v>
                </c:pt>
                <c:pt idx="3491">
                  <c:v>-4783512.1343414998</c:v>
                </c:pt>
                <c:pt idx="3492">
                  <c:v>-4780182.3898047702</c:v>
                </c:pt>
                <c:pt idx="3493">
                  <c:v>-4761183.1580179501</c:v>
                </c:pt>
                <c:pt idx="3494">
                  <c:v>-4730314.9051933698</c:v>
                </c:pt>
                <c:pt idx="3495">
                  <c:v>-4734784.4967511203</c:v>
                </c:pt>
                <c:pt idx="3496">
                  <c:v>-4747465.6968403598</c:v>
                </c:pt>
                <c:pt idx="3497">
                  <c:v>-4749826.91727864</c:v>
                </c:pt>
                <c:pt idx="3498">
                  <c:v>-4717289.1014411096</c:v>
                </c:pt>
                <c:pt idx="3499">
                  <c:v>-4717167.5279268604</c:v>
                </c:pt>
                <c:pt idx="3500">
                  <c:v>-4758686.3461569203</c:v>
                </c:pt>
                <c:pt idx="3501">
                  <c:v>-4760327.4984108098</c:v>
                </c:pt>
                <c:pt idx="3502">
                  <c:v>-4757317.0777910296</c:v>
                </c:pt>
                <c:pt idx="3503">
                  <c:v>-4744755.1742148697</c:v>
                </c:pt>
                <c:pt idx="3504">
                  <c:v>-4747496.40051236</c:v>
                </c:pt>
                <c:pt idx="3505">
                  <c:v>-4704980.8002426298</c:v>
                </c:pt>
                <c:pt idx="3506">
                  <c:v>-4711773.0112433396</c:v>
                </c:pt>
                <c:pt idx="3507">
                  <c:v>-4700853.1705650296</c:v>
                </c:pt>
                <c:pt idx="3508">
                  <c:v>-4645815.1251800498</c:v>
                </c:pt>
                <c:pt idx="3509">
                  <c:v>-4630671.2543550301</c:v>
                </c:pt>
                <c:pt idx="3510">
                  <c:v>-4627698.6449060198</c:v>
                </c:pt>
                <c:pt idx="3511">
                  <c:v>-4633084.6080184504</c:v>
                </c:pt>
                <c:pt idx="3512">
                  <c:v>-4637915.1668400103</c:v>
                </c:pt>
                <c:pt idx="3513">
                  <c:v>-4637326.6527645998</c:v>
                </c:pt>
                <c:pt idx="3514">
                  <c:v>-4692840.4506319501</c:v>
                </c:pt>
                <c:pt idx="3515">
                  <c:v>-4653013.8610884696</c:v>
                </c:pt>
                <c:pt idx="3516">
                  <c:v>-4652948.0979541801</c:v>
                </c:pt>
                <c:pt idx="3517">
                  <c:v>-4644396.5401591798</c:v>
                </c:pt>
                <c:pt idx="3518">
                  <c:v>-4672635.7763330098</c:v>
                </c:pt>
                <c:pt idx="3519">
                  <c:v>-4634176.5978132598</c:v>
                </c:pt>
                <c:pt idx="3520">
                  <c:v>-4633372.61956497</c:v>
                </c:pt>
                <c:pt idx="3521">
                  <c:v>-4631881.3805399397</c:v>
                </c:pt>
                <c:pt idx="3522">
                  <c:v>-4687867.4184823297</c:v>
                </c:pt>
                <c:pt idx="3523">
                  <c:v>-4688666.1273211297</c:v>
                </c:pt>
                <c:pt idx="3524">
                  <c:v>-4682834.6715232804</c:v>
                </c:pt>
                <c:pt idx="3525">
                  <c:v>-4753236.9544536397</c:v>
                </c:pt>
                <c:pt idx="3526">
                  <c:v>-4766532.9075585697</c:v>
                </c:pt>
                <c:pt idx="3527">
                  <c:v>-4759707.3967518797</c:v>
                </c:pt>
                <c:pt idx="3528">
                  <c:v>-4777620.4485571198</c:v>
                </c:pt>
                <c:pt idx="3529">
                  <c:v>-4797177.0539331501</c:v>
                </c:pt>
                <c:pt idx="3530">
                  <c:v>-4835705.0927809896</c:v>
                </c:pt>
                <c:pt idx="3531">
                  <c:v>-4848152.6011700602</c:v>
                </c:pt>
                <c:pt idx="3532">
                  <c:v>-4844432.2269280301</c:v>
                </c:pt>
                <c:pt idx="3533">
                  <c:v>-4844432.2269280301</c:v>
                </c:pt>
                <c:pt idx="3534">
                  <c:v>-4849832.3340252498</c:v>
                </c:pt>
                <c:pt idx="3535">
                  <c:v>-4857089.8205679897</c:v>
                </c:pt>
                <c:pt idx="3536">
                  <c:v>-4796003.2622547699</c:v>
                </c:pt>
                <c:pt idx="3537">
                  <c:v>-4793521.18700164</c:v>
                </c:pt>
                <c:pt idx="3538">
                  <c:v>-4792522.4240870001</c:v>
                </c:pt>
                <c:pt idx="3539">
                  <c:v>-4794138.8157485304</c:v>
                </c:pt>
                <c:pt idx="3540">
                  <c:v>-4875524.0879320698</c:v>
                </c:pt>
                <c:pt idx="3541">
                  <c:v>-4891349.1607775399</c:v>
                </c:pt>
                <c:pt idx="3542">
                  <c:v>-4894155.0093904901</c:v>
                </c:pt>
                <c:pt idx="3543">
                  <c:v>-4856673.7084904499</c:v>
                </c:pt>
                <c:pt idx="3544">
                  <c:v>-4809405.2129199002</c:v>
                </c:pt>
                <c:pt idx="3545">
                  <c:v>-4793226.6842764001</c:v>
                </c:pt>
                <c:pt idx="3546">
                  <c:v>-4797801.70609931</c:v>
                </c:pt>
                <c:pt idx="3547">
                  <c:v>-4783505.92729457</c:v>
                </c:pt>
                <c:pt idx="3548">
                  <c:v>-4783690.4003231796</c:v>
                </c:pt>
                <c:pt idx="3549">
                  <c:v>-4791588.9093670603</c:v>
                </c:pt>
                <c:pt idx="3550">
                  <c:v>-4766415.5699684601</c:v>
                </c:pt>
                <c:pt idx="3551">
                  <c:v>-4771546.5571874203</c:v>
                </c:pt>
                <c:pt idx="3552">
                  <c:v>-4766851.53469708</c:v>
                </c:pt>
                <c:pt idx="3553">
                  <c:v>-4770767.0311818197</c:v>
                </c:pt>
                <c:pt idx="3554">
                  <c:v>-4793608.4347447203</c:v>
                </c:pt>
                <c:pt idx="3555">
                  <c:v>-4769334.1133747799</c:v>
                </c:pt>
                <c:pt idx="3556">
                  <c:v>-4831858.6675009998</c:v>
                </c:pt>
                <c:pt idx="3557">
                  <c:v>-4819753.9241336398</c:v>
                </c:pt>
                <c:pt idx="3558">
                  <c:v>-4798729.8270723103</c:v>
                </c:pt>
                <c:pt idx="3559">
                  <c:v>-4831768.66267059</c:v>
                </c:pt>
                <c:pt idx="3560">
                  <c:v>-4793221.5157021098</c:v>
                </c:pt>
                <c:pt idx="3561">
                  <c:v>-4794546.32869861</c:v>
                </c:pt>
                <c:pt idx="3562">
                  <c:v>-4821537.1545061599</c:v>
                </c:pt>
                <c:pt idx="3563">
                  <c:v>-4822685.6477580499</c:v>
                </c:pt>
                <c:pt idx="3564">
                  <c:v>-4825862.6395292496</c:v>
                </c:pt>
                <c:pt idx="3565">
                  <c:v>-4829243.3267234098</c:v>
                </c:pt>
                <c:pt idx="3566">
                  <c:v>-4777940.1997523597</c:v>
                </c:pt>
                <c:pt idx="3567">
                  <c:v>-4793362.1600528304</c:v>
                </c:pt>
                <c:pt idx="3568">
                  <c:v>-4760651.8348222096</c:v>
                </c:pt>
                <c:pt idx="3569">
                  <c:v>-4750888.9447623901</c:v>
                </c:pt>
                <c:pt idx="3570">
                  <c:v>-4737812.0997249503</c:v>
                </c:pt>
                <c:pt idx="3571">
                  <c:v>-4735914.4193164799</c:v>
                </c:pt>
                <c:pt idx="3572">
                  <c:v>-4647512.8549171798</c:v>
                </c:pt>
                <c:pt idx="3573">
                  <c:v>-4631520.2491455497</c:v>
                </c:pt>
                <c:pt idx="3574">
                  <c:v>-4613649.2687744396</c:v>
                </c:pt>
                <c:pt idx="3575">
                  <c:v>-4594753.3399020098</c:v>
                </c:pt>
                <c:pt idx="3576">
                  <c:v>-4657096.6482842797</c:v>
                </c:pt>
                <c:pt idx="3577">
                  <c:v>-4696614.7606793102</c:v>
                </c:pt>
                <c:pt idx="3578">
                  <c:v>-4704996.0152270896</c:v>
                </c:pt>
                <c:pt idx="3579">
                  <c:v>-4724040.37796498</c:v>
                </c:pt>
                <c:pt idx="3580">
                  <c:v>-4718742.87512042</c:v>
                </c:pt>
                <c:pt idx="3581">
                  <c:v>-4726436.1560275499</c:v>
                </c:pt>
                <c:pt idx="3582">
                  <c:v>-4682694.7937030597</c:v>
                </c:pt>
                <c:pt idx="3583">
                  <c:v>-4676290.9360894701</c:v>
                </c:pt>
                <c:pt idx="3584">
                  <c:v>-4682204.2859678203</c:v>
                </c:pt>
                <c:pt idx="3585">
                  <c:v>-4694888.0735199498</c:v>
                </c:pt>
                <c:pt idx="3586">
                  <c:v>-4692248.4866923699</c:v>
                </c:pt>
                <c:pt idx="3587">
                  <c:v>-4696553.2173476303</c:v>
                </c:pt>
                <c:pt idx="3588">
                  <c:v>-4725655.7991908398</c:v>
                </c:pt>
                <c:pt idx="3589">
                  <c:v>-4702287.06604697</c:v>
                </c:pt>
                <c:pt idx="3590">
                  <c:v>-4746888.3986926796</c:v>
                </c:pt>
                <c:pt idx="3591">
                  <c:v>-4697869.6803364698</c:v>
                </c:pt>
                <c:pt idx="3592">
                  <c:v>-4692146.1306551201</c:v>
                </c:pt>
                <c:pt idx="3593">
                  <c:v>-4678392.4939969899</c:v>
                </c:pt>
                <c:pt idx="3594">
                  <c:v>-4678392.4939969899</c:v>
                </c:pt>
                <c:pt idx="3595">
                  <c:v>-4674335.2488286402</c:v>
                </c:pt>
                <c:pt idx="3596">
                  <c:v>-4680366.6137231998</c:v>
                </c:pt>
                <c:pt idx="3597">
                  <c:v>-4669255.0668051299</c:v>
                </c:pt>
                <c:pt idx="3598">
                  <c:v>-4666596.7211554404</c:v>
                </c:pt>
                <c:pt idx="3599">
                  <c:v>-4591296.0310491696</c:v>
                </c:pt>
                <c:pt idx="3600">
                  <c:v>-4588518.5139724799</c:v>
                </c:pt>
                <c:pt idx="3601">
                  <c:v>-4583583.3617284102</c:v>
                </c:pt>
                <c:pt idx="3602">
                  <c:v>-4609419.5633562002</c:v>
                </c:pt>
                <c:pt idx="3603">
                  <c:v>-4592362.8767523002</c:v>
                </c:pt>
                <c:pt idx="3604">
                  <c:v>-4604563.5548020601</c:v>
                </c:pt>
                <c:pt idx="3605">
                  <c:v>-4604091.5647431901</c:v>
                </c:pt>
                <c:pt idx="3606">
                  <c:v>-4596442.47489578</c:v>
                </c:pt>
                <c:pt idx="3607">
                  <c:v>-4603511.5982233603</c:v>
                </c:pt>
                <c:pt idx="3608">
                  <c:v>-4604776.50576525</c:v>
                </c:pt>
                <c:pt idx="3609">
                  <c:v>-4602679.2364898203</c:v>
                </c:pt>
                <c:pt idx="3610">
                  <c:v>-4602679.2364898203</c:v>
                </c:pt>
                <c:pt idx="3611">
                  <c:v>-4595530.2276385901</c:v>
                </c:pt>
                <c:pt idx="3612">
                  <c:v>-4590362.5722377598</c:v>
                </c:pt>
                <c:pt idx="3613">
                  <c:v>-4579581.8975042496</c:v>
                </c:pt>
                <c:pt idx="3614">
                  <c:v>-4590099.9150466202</c:v>
                </c:pt>
                <c:pt idx="3615">
                  <c:v>-4584288.87672331</c:v>
                </c:pt>
                <c:pt idx="3616">
                  <c:v>-4588602.7270444799</c:v>
                </c:pt>
                <c:pt idx="3617">
                  <c:v>-4598617.0306789503</c:v>
                </c:pt>
                <c:pt idx="3618">
                  <c:v>-4596338.9781753803</c:v>
                </c:pt>
                <c:pt idx="3619">
                  <c:v>-4604742.0295161502</c:v>
                </c:pt>
                <c:pt idx="3620">
                  <c:v>-4598989.0386961401</c:v>
                </c:pt>
                <c:pt idx="3621">
                  <c:v>-4609978.5344238998</c:v>
                </c:pt>
                <c:pt idx="3622">
                  <c:v>-4626033.5276525198</c:v>
                </c:pt>
                <c:pt idx="3623">
                  <c:v>-4622176.1703383401</c:v>
                </c:pt>
                <c:pt idx="3624">
                  <c:v>-4614233.0463757804</c:v>
                </c:pt>
                <c:pt idx="3625">
                  <c:v>-4641062.9583475897</c:v>
                </c:pt>
                <c:pt idx="3626">
                  <c:v>-4618056.3549199896</c:v>
                </c:pt>
                <c:pt idx="3627">
                  <c:v>-4617927.7924386002</c:v>
                </c:pt>
                <c:pt idx="3628">
                  <c:v>-4626563.5620766198</c:v>
                </c:pt>
                <c:pt idx="3629">
                  <c:v>-4627623.39506659</c:v>
                </c:pt>
                <c:pt idx="3630">
                  <c:v>-4627589.35864216</c:v>
                </c:pt>
                <c:pt idx="3631">
                  <c:v>-4608215.7293429002</c:v>
                </c:pt>
                <c:pt idx="3632">
                  <c:v>-4612448.2151634404</c:v>
                </c:pt>
                <c:pt idx="3633">
                  <c:v>-4628398.1812067898</c:v>
                </c:pt>
                <c:pt idx="3634">
                  <c:v>-4628398.1812067898</c:v>
                </c:pt>
                <c:pt idx="3635">
                  <c:v>-4609587.1768294796</c:v>
                </c:pt>
                <c:pt idx="3636">
                  <c:v>-4608352.1116406899</c:v>
                </c:pt>
                <c:pt idx="3637">
                  <c:v>-4623874.7482896103</c:v>
                </c:pt>
                <c:pt idx="3638">
                  <c:v>-4617214.3983326396</c:v>
                </c:pt>
                <c:pt idx="3639">
                  <c:v>-4625770.8863759302</c:v>
                </c:pt>
                <c:pt idx="3640">
                  <c:v>-4651421.9050771501</c:v>
                </c:pt>
                <c:pt idx="3641">
                  <c:v>-4653801.51557092</c:v>
                </c:pt>
                <c:pt idx="3642">
                  <c:v>-4656015.3705481002</c:v>
                </c:pt>
                <c:pt idx="3643">
                  <c:v>-4652775.5085520996</c:v>
                </c:pt>
                <c:pt idx="3644">
                  <c:v>-4646340.8449001499</c:v>
                </c:pt>
                <c:pt idx="3645">
                  <c:v>-4647049.47242573</c:v>
                </c:pt>
                <c:pt idx="3646">
                  <c:v>-4611553.7840934098</c:v>
                </c:pt>
                <c:pt idx="3647">
                  <c:v>-4606147.7301633405</c:v>
                </c:pt>
                <c:pt idx="3648">
                  <c:v>-4604707.8969149003</c:v>
                </c:pt>
                <c:pt idx="3649">
                  <c:v>-4598496.2254695799</c:v>
                </c:pt>
                <c:pt idx="3650">
                  <c:v>-4598496.2254695799</c:v>
                </c:pt>
                <c:pt idx="3651">
                  <c:v>-4598802.07567148</c:v>
                </c:pt>
                <c:pt idx="3652">
                  <c:v>-4598802.07567148</c:v>
                </c:pt>
                <c:pt idx="3653">
                  <c:v>-4578255.7870012298</c:v>
                </c:pt>
                <c:pt idx="3654">
                  <c:v>-4592443.4198245304</c:v>
                </c:pt>
                <c:pt idx="3655">
                  <c:v>-4595754.7991527803</c:v>
                </c:pt>
                <c:pt idx="3656">
                  <c:v>-4590494.89056098</c:v>
                </c:pt>
                <c:pt idx="3657">
                  <c:v>-4599507.3393064598</c:v>
                </c:pt>
                <c:pt idx="3658">
                  <c:v>-4596970.6551929303</c:v>
                </c:pt>
                <c:pt idx="3659">
                  <c:v>-4596118.4064250803</c:v>
                </c:pt>
                <c:pt idx="3660">
                  <c:v>-4588245.3113476504</c:v>
                </c:pt>
                <c:pt idx="3661">
                  <c:v>-4561149.8453985304</c:v>
                </c:pt>
                <c:pt idx="3662">
                  <c:v>-4560521.8603494996</c:v>
                </c:pt>
                <c:pt idx="3663">
                  <c:v>-4561608.4973828504</c:v>
                </c:pt>
                <c:pt idx="3664">
                  <c:v>-4541554.2582336999</c:v>
                </c:pt>
                <c:pt idx="3665">
                  <c:v>-4549682.4850396598</c:v>
                </c:pt>
                <c:pt idx="3666">
                  <c:v>-4519852.8463543402</c:v>
                </c:pt>
                <c:pt idx="3667">
                  <c:v>-4515671.4355537901</c:v>
                </c:pt>
                <c:pt idx="3668">
                  <c:v>-4511059.8803977603</c:v>
                </c:pt>
                <c:pt idx="3669">
                  <c:v>-4507501.8834687797</c:v>
                </c:pt>
                <c:pt idx="3670">
                  <c:v>-4481747.5943945097</c:v>
                </c:pt>
                <c:pt idx="3671">
                  <c:v>-4470071.4225545796</c:v>
                </c:pt>
                <c:pt idx="3672">
                  <c:v>-4477571.54388812</c:v>
                </c:pt>
                <c:pt idx="3673">
                  <c:v>-4467635.3182272501</c:v>
                </c:pt>
                <c:pt idx="3674">
                  <c:v>-4458588.4977313196</c:v>
                </c:pt>
                <c:pt idx="3675">
                  <c:v>-4460485.67621323</c:v>
                </c:pt>
                <c:pt idx="3676">
                  <c:v>-4455776.2239233898</c:v>
                </c:pt>
                <c:pt idx="3677">
                  <c:v>-4463782.9750974504</c:v>
                </c:pt>
                <c:pt idx="3678">
                  <c:v>-4477697.4098152397</c:v>
                </c:pt>
                <c:pt idx="3679">
                  <c:v>-4488684.9993160898</c:v>
                </c:pt>
                <c:pt idx="3680">
                  <c:v>-4476349.3437947696</c:v>
                </c:pt>
                <c:pt idx="3681">
                  <c:v>-4474228.5690059802</c:v>
                </c:pt>
                <c:pt idx="3682">
                  <c:v>-4465100.0978631396</c:v>
                </c:pt>
                <c:pt idx="3683">
                  <c:v>-4489315.6502717799</c:v>
                </c:pt>
                <c:pt idx="3684">
                  <c:v>-4503516.8799022203</c:v>
                </c:pt>
                <c:pt idx="3685">
                  <c:v>-4482468.0446107602</c:v>
                </c:pt>
                <c:pt idx="3686">
                  <c:v>-4484276.33873701</c:v>
                </c:pt>
                <c:pt idx="3687">
                  <c:v>-4470023.5385452705</c:v>
                </c:pt>
                <c:pt idx="3688">
                  <c:v>-4463176.9556619702</c:v>
                </c:pt>
                <c:pt idx="3689">
                  <c:v>-4450375.2918189503</c:v>
                </c:pt>
                <c:pt idx="3690">
                  <c:v>-4409560.1573285898</c:v>
                </c:pt>
                <c:pt idx="3691">
                  <c:v>-4423047.4832865102</c:v>
                </c:pt>
                <c:pt idx="3692">
                  <c:v>-4425064.6015002998</c:v>
                </c:pt>
                <c:pt idx="3693">
                  <c:v>-4393511.7820872003</c:v>
                </c:pt>
                <c:pt idx="3694">
                  <c:v>-4386148.3538364302</c:v>
                </c:pt>
                <c:pt idx="3695">
                  <c:v>-4371588.4168595299</c:v>
                </c:pt>
                <c:pt idx="3696">
                  <c:v>-4368002.8913235897</c:v>
                </c:pt>
                <c:pt idx="3697">
                  <c:v>-4369131.3517829804</c:v>
                </c:pt>
                <c:pt idx="3698">
                  <c:v>-4368900.02538055</c:v>
                </c:pt>
                <c:pt idx="3699">
                  <c:v>-4365431.0367154004</c:v>
                </c:pt>
                <c:pt idx="3700">
                  <c:v>-4369422.1009444697</c:v>
                </c:pt>
                <c:pt idx="3701">
                  <c:v>-4414808.9243033901</c:v>
                </c:pt>
                <c:pt idx="3702">
                  <c:v>-4401379.9151648097</c:v>
                </c:pt>
                <c:pt idx="3703">
                  <c:v>-4374628.0520626204</c:v>
                </c:pt>
                <c:pt idx="3704">
                  <c:v>-4362535.9662016397</c:v>
                </c:pt>
                <c:pt idx="3705">
                  <c:v>-4324069.60896233</c:v>
                </c:pt>
                <c:pt idx="3706">
                  <c:v>-4311673.5250578299</c:v>
                </c:pt>
                <c:pt idx="3707">
                  <c:v>-4318934.2271634797</c:v>
                </c:pt>
                <c:pt idx="3708">
                  <c:v>-4360631.6547264596</c:v>
                </c:pt>
                <c:pt idx="3709">
                  <c:v>-4358579.7661516601</c:v>
                </c:pt>
                <c:pt idx="3710">
                  <c:v>-4358579.7661516601</c:v>
                </c:pt>
                <c:pt idx="3711">
                  <c:v>-4353955.1304517305</c:v>
                </c:pt>
                <c:pt idx="3712">
                  <c:v>-4356853.0041773701</c:v>
                </c:pt>
                <c:pt idx="3713">
                  <c:v>-4374836.1666470198</c:v>
                </c:pt>
                <c:pt idx="3714">
                  <c:v>-4384140.1298561199</c:v>
                </c:pt>
                <c:pt idx="3715">
                  <c:v>-4440407.9207037203</c:v>
                </c:pt>
                <c:pt idx="3716">
                  <c:v>-4430404.61355861</c:v>
                </c:pt>
                <c:pt idx="3717">
                  <c:v>-4438005.2115770103</c:v>
                </c:pt>
                <c:pt idx="3718">
                  <c:v>-4446282.0636911402</c:v>
                </c:pt>
                <c:pt idx="3719">
                  <c:v>-4442600.0067653796</c:v>
                </c:pt>
                <c:pt idx="3720">
                  <c:v>-4441781.5521114999</c:v>
                </c:pt>
                <c:pt idx="3721">
                  <c:v>-4444283.9837497501</c:v>
                </c:pt>
                <c:pt idx="3722">
                  <c:v>-4436742.5818658797</c:v>
                </c:pt>
                <c:pt idx="3723">
                  <c:v>-4422729.9824614199</c:v>
                </c:pt>
                <c:pt idx="3724">
                  <c:v>-4432422.5333625404</c:v>
                </c:pt>
                <c:pt idx="3725">
                  <c:v>-4431198.7204585401</c:v>
                </c:pt>
                <c:pt idx="3726">
                  <c:v>-4429700.5477486104</c:v>
                </c:pt>
                <c:pt idx="3727">
                  <c:v>-4426389.9572065296</c:v>
                </c:pt>
                <c:pt idx="3728">
                  <c:v>-4403203.3355836999</c:v>
                </c:pt>
                <c:pt idx="3729">
                  <c:v>-4406869.4987954795</c:v>
                </c:pt>
                <c:pt idx="3730">
                  <c:v>-4394498.2255148701</c:v>
                </c:pt>
                <c:pt idx="3731">
                  <c:v>-4393342.4781499496</c:v>
                </c:pt>
                <c:pt idx="3732">
                  <c:v>-4330694.47383832</c:v>
                </c:pt>
                <c:pt idx="3733">
                  <c:v>-4332776.4681491004</c:v>
                </c:pt>
                <c:pt idx="3734">
                  <c:v>-4333381.1428205501</c:v>
                </c:pt>
                <c:pt idx="3735">
                  <c:v>-4373901.3933518399</c:v>
                </c:pt>
                <c:pt idx="3736">
                  <c:v>-4341718.0786177404</c:v>
                </c:pt>
                <c:pt idx="3737">
                  <c:v>-4336623.8260916397</c:v>
                </c:pt>
                <c:pt idx="3738">
                  <c:v>-4335052.5301007601</c:v>
                </c:pt>
                <c:pt idx="3739">
                  <c:v>-4335692.8017632896</c:v>
                </c:pt>
                <c:pt idx="3740">
                  <c:v>-4335069.5641868301</c:v>
                </c:pt>
                <c:pt idx="3741">
                  <c:v>-4333529.0914101098</c:v>
                </c:pt>
                <c:pt idx="3742">
                  <c:v>-4344819.60352048</c:v>
                </c:pt>
                <c:pt idx="3743">
                  <c:v>-4341007.1427585296</c:v>
                </c:pt>
                <c:pt idx="3744">
                  <c:v>-4327852.4633991197</c:v>
                </c:pt>
                <c:pt idx="3745">
                  <c:v>-4342109.5458996398</c:v>
                </c:pt>
                <c:pt idx="3746">
                  <c:v>-4356281.09354256</c:v>
                </c:pt>
                <c:pt idx="3747">
                  <c:v>-4387755.0468536299</c:v>
                </c:pt>
                <c:pt idx="3748">
                  <c:v>-4389149.7142874701</c:v>
                </c:pt>
                <c:pt idx="3749">
                  <c:v>-4391999.8390369397</c:v>
                </c:pt>
                <c:pt idx="3750">
                  <c:v>-4382384.65935406</c:v>
                </c:pt>
                <c:pt idx="3751">
                  <c:v>-4382384.65935406</c:v>
                </c:pt>
                <c:pt idx="3752">
                  <c:v>-4374783.5141074797</c:v>
                </c:pt>
                <c:pt idx="3753">
                  <c:v>-4362154.7524614101</c:v>
                </c:pt>
                <c:pt idx="3754">
                  <c:v>-4370852.4112280896</c:v>
                </c:pt>
                <c:pt idx="3755">
                  <c:v>-4370852.4112280896</c:v>
                </c:pt>
                <c:pt idx="3756">
                  <c:v>-4348350.75231604</c:v>
                </c:pt>
                <c:pt idx="3757">
                  <c:v>-4350241.5905943904</c:v>
                </c:pt>
                <c:pt idx="3758">
                  <c:v>-4358309.29644759</c:v>
                </c:pt>
                <c:pt idx="3759">
                  <c:v>-4356039.4582529599</c:v>
                </c:pt>
                <c:pt idx="3760">
                  <c:v>-4358062.96106066</c:v>
                </c:pt>
                <c:pt idx="3761">
                  <c:v>-4358812.9708194397</c:v>
                </c:pt>
                <c:pt idx="3762">
                  <c:v>-4334290.1520175198</c:v>
                </c:pt>
                <c:pt idx="3763">
                  <c:v>-4311297.4223518698</c:v>
                </c:pt>
                <c:pt idx="3764">
                  <c:v>-4292454.8141326001</c:v>
                </c:pt>
                <c:pt idx="3765">
                  <c:v>-4304490.1251030397</c:v>
                </c:pt>
                <c:pt idx="3766">
                  <c:v>-4435617.8780080704</c:v>
                </c:pt>
                <c:pt idx="3767">
                  <c:v>-4389350.0296097603</c:v>
                </c:pt>
                <c:pt idx="3768">
                  <c:v>-4387002.8394460697</c:v>
                </c:pt>
                <c:pt idx="3769">
                  <c:v>-4390061.7515962599</c:v>
                </c:pt>
                <c:pt idx="3770">
                  <c:v>-4396004.9930565404</c:v>
                </c:pt>
                <c:pt idx="3771">
                  <c:v>-4399857.6027261801</c:v>
                </c:pt>
                <c:pt idx="3772">
                  <c:v>-4415974.8281097496</c:v>
                </c:pt>
                <c:pt idx="3773">
                  <c:v>-4381853.6622036304</c:v>
                </c:pt>
                <c:pt idx="3774">
                  <c:v>-4383798.5568458196</c:v>
                </c:pt>
                <c:pt idx="3775">
                  <c:v>-4387616.8231461197</c:v>
                </c:pt>
                <c:pt idx="3776">
                  <c:v>-4387534.0573457899</c:v>
                </c:pt>
                <c:pt idx="3777">
                  <c:v>-4359654.6396506997</c:v>
                </c:pt>
                <c:pt idx="3778">
                  <c:v>-4377481.3882031199</c:v>
                </c:pt>
                <c:pt idx="3779">
                  <c:v>-4368096.0300652599</c:v>
                </c:pt>
                <c:pt idx="3780">
                  <c:v>-4368096.0300652599</c:v>
                </c:pt>
                <c:pt idx="3781">
                  <c:v>-4371173.9475396499</c:v>
                </c:pt>
                <c:pt idx="3782">
                  <c:v>-4369061.6992122596</c:v>
                </c:pt>
                <c:pt idx="3783">
                  <c:v>-4363133.7253771899</c:v>
                </c:pt>
                <c:pt idx="3784">
                  <c:v>-4373522.2209594399</c:v>
                </c:pt>
                <c:pt idx="3785">
                  <c:v>-4352186.6701320997</c:v>
                </c:pt>
                <c:pt idx="3786">
                  <c:v>-4385639.6281854901</c:v>
                </c:pt>
                <c:pt idx="3787">
                  <c:v>-4391160.1195815597</c:v>
                </c:pt>
                <c:pt idx="3788">
                  <c:v>-4382369.5223619398</c:v>
                </c:pt>
                <c:pt idx="3789">
                  <c:v>-4361551.1682933504</c:v>
                </c:pt>
                <c:pt idx="3790">
                  <c:v>-4365477.4350360697</c:v>
                </c:pt>
                <c:pt idx="3791">
                  <c:v>-4362691.8266696297</c:v>
                </c:pt>
                <c:pt idx="3792">
                  <c:v>-4340890.161634</c:v>
                </c:pt>
                <c:pt idx="3793">
                  <c:v>-4430455.2443646304</c:v>
                </c:pt>
                <c:pt idx="3794">
                  <c:v>-4455251.7907626899</c:v>
                </c:pt>
                <c:pt idx="3795">
                  <c:v>-4429596.6292618001</c:v>
                </c:pt>
                <c:pt idx="3796">
                  <c:v>-4420667.3092829697</c:v>
                </c:pt>
                <c:pt idx="3797">
                  <c:v>-4420217.2821949003</c:v>
                </c:pt>
                <c:pt idx="3798">
                  <c:v>-4431944.1660895003</c:v>
                </c:pt>
                <c:pt idx="3799">
                  <c:v>-4441774.3005299503</c:v>
                </c:pt>
                <c:pt idx="3800">
                  <c:v>-4462709.5708911503</c:v>
                </c:pt>
                <c:pt idx="3801">
                  <c:v>-4435551.8783706203</c:v>
                </c:pt>
                <c:pt idx="3802">
                  <c:v>-4354787.5607995298</c:v>
                </c:pt>
                <c:pt idx="3803">
                  <c:v>-4369996.9935060199</c:v>
                </c:pt>
                <c:pt idx="3804">
                  <c:v>-4350210.0869042203</c:v>
                </c:pt>
                <c:pt idx="3805">
                  <c:v>-4324133.9528492903</c:v>
                </c:pt>
                <c:pt idx="3806">
                  <c:v>-4311575.6584529905</c:v>
                </c:pt>
                <c:pt idx="3807">
                  <c:v>-4313489.0259651197</c:v>
                </c:pt>
                <c:pt idx="3808">
                  <c:v>-4311538.1974221896</c:v>
                </c:pt>
                <c:pt idx="3809">
                  <c:v>-4333559.2026176602</c:v>
                </c:pt>
                <c:pt idx="3810">
                  <c:v>-4326016.3931961302</c:v>
                </c:pt>
                <c:pt idx="3811">
                  <c:v>-4327469.0936785201</c:v>
                </c:pt>
                <c:pt idx="3812">
                  <c:v>-4316343.1810076302</c:v>
                </c:pt>
                <c:pt idx="3813">
                  <c:v>-4321941.6748551698</c:v>
                </c:pt>
                <c:pt idx="3814">
                  <c:v>-4327446.2842873698</c:v>
                </c:pt>
                <c:pt idx="3815">
                  <c:v>-4332737.4749062601</c:v>
                </c:pt>
                <c:pt idx="3816">
                  <c:v>-4324763.5456107501</c:v>
                </c:pt>
                <c:pt idx="3817">
                  <c:v>-4324763.5456107501</c:v>
                </c:pt>
                <c:pt idx="3818">
                  <c:v>-4331904.3780974401</c:v>
                </c:pt>
                <c:pt idx="3819">
                  <c:v>-4330384.0146885803</c:v>
                </c:pt>
                <c:pt idx="3820">
                  <c:v>-4310299.7354582902</c:v>
                </c:pt>
                <c:pt idx="3821">
                  <c:v>-4311788.8964377698</c:v>
                </c:pt>
                <c:pt idx="3822">
                  <c:v>-4311196.2096021296</c:v>
                </c:pt>
                <c:pt idx="3823">
                  <c:v>-4295135.6744316304</c:v>
                </c:pt>
                <c:pt idx="3824">
                  <c:v>-4292221.36875463</c:v>
                </c:pt>
                <c:pt idx="3825">
                  <c:v>-4294519.1828709096</c:v>
                </c:pt>
                <c:pt idx="3826">
                  <c:v>-4290149.0690279501</c:v>
                </c:pt>
                <c:pt idx="3827">
                  <c:v>-4294305.3130031303</c:v>
                </c:pt>
                <c:pt idx="3828">
                  <c:v>-4296494.2772554504</c:v>
                </c:pt>
                <c:pt idx="3829">
                  <c:v>-4289908.96716855</c:v>
                </c:pt>
                <c:pt idx="3830">
                  <c:v>-4289682.6190457502</c:v>
                </c:pt>
                <c:pt idx="3831">
                  <c:v>-4302216.3256706903</c:v>
                </c:pt>
                <c:pt idx="3832">
                  <c:v>-4310126.5247854199</c:v>
                </c:pt>
                <c:pt idx="3833">
                  <c:v>-4315471.8999121804</c:v>
                </c:pt>
                <c:pt idx="3834">
                  <c:v>-4316638.9945523096</c:v>
                </c:pt>
                <c:pt idx="3835">
                  <c:v>-4296048.4306470295</c:v>
                </c:pt>
                <c:pt idx="3836">
                  <c:v>-4294680.18807647</c:v>
                </c:pt>
                <c:pt idx="3837">
                  <c:v>-4272942.5247812299</c:v>
                </c:pt>
                <c:pt idx="3838">
                  <c:v>-4248264.6343084304</c:v>
                </c:pt>
                <c:pt idx="3839">
                  <c:v>-4246669.32738965</c:v>
                </c:pt>
                <c:pt idx="3840">
                  <c:v>-4265499.9337647101</c:v>
                </c:pt>
                <c:pt idx="3841">
                  <c:v>-4263998.0750846304</c:v>
                </c:pt>
                <c:pt idx="3842">
                  <c:v>-4258334.63051691</c:v>
                </c:pt>
                <c:pt idx="3843">
                  <c:v>-4264647.6101542404</c:v>
                </c:pt>
                <c:pt idx="3844">
                  <c:v>-4287106.1459753104</c:v>
                </c:pt>
                <c:pt idx="3845">
                  <c:v>-4282185.8444557404</c:v>
                </c:pt>
                <c:pt idx="3846">
                  <c:v>-4284742.2394082202</c:v>
                </c:pt>
                <c:pt idx="3847">
                  <c:v>-4275654.5114267599</c:v>
                </c:pt>
                <c:pt idx="3848">
                  <c:v>-4261623.8331826003</c:v>
                </c:pt>
                <c:pt idx="3849">
                  <c:v>-4288695.9835214103</c:v>
                </c:pt>
                <c:pt idx="3850">
                  <c:v>-4282520.8115554098</c:v>
                </c:pt>
                <c:pt idx="3851">
                  <c:v>-4267062.7567376504</c:v>
                </c:pt>
                <c:pt idx="3852">
                  <c:v>-4248868.1022018697</c:v>
                </c:pt>
                <c:pt idx="3853">
                  <c:v>-4249801.3072934002</c:v>
                </c:pt>
                <c:pt idx="3854">
                  <c:v>-4252971.1803360302</c:v>
                </c:pt>
                <c:pt idx="3855">
                  <c:v>-4234914.7326780204</c:v>
                </c:pt>
                <c:pt idx="3856">
                  <c:v>-4239849.9274369497</c:v>
                </c:pt>
                <c:pt idx="3857">
                  <c:v>-4237941.48103166</c:v>
                </c:pt>
                <c:pt idx="3858">
                  <c:v>-4193681.42933437</c:v>
                </c:pt>
                <c:pt idx="3859">
                  <c:v>-4200644.3257610695</c:v>
                </c:pt>
                <c:pt idx="3860">
                  <c:v>-4220932.6009290405</c:v>
                </c:pt>
                <c:pt idx="3861">
                  <c:v>-4210714.6319012204</c:v>
                </c:pt>
                <c:pt idx="3862">
                  <c:v>-4211704.4774530502</c:v>
                </c:pt>
                <c:pt idx="3863">
                  <c:v>-4200009.6912479699</c:v>
                </c:pt>
                <c:pt idx="3864">
                  <c:v>-4206695.7867842596</c:v>
                </c:pt>
                <c:pt idx="3865">
                  <c:v>-4201377.8451527301</c:v>
                </c:pt>
                <c:pt idx="3866">
                  <c:v>-4196198.6622185297</c:v>
                </c:pt>
                <c:pt idx="3867">
                  <c:v>-4180881.7432739702</c:v>
                </c:pt>
                <c:pt idx="3868">
                  <c:v>-4181167.84933982</c:v>
                </c:pt>
                <c:pt idx="3869">
                  <c:v>-4185252.8073880998</c:v>
                </c:pt>
                <c:pt idx="3870">
                  <c:v>-4192695.8973220699</c:v>
                </c:pt>
                <c:pt idx="3871">
                  <c:v>-4203984.1037195697</c:v>
                </c:pt>
                <c:pt idx="3872">
                  <c:v>-4196614.90416619</c:v>
                </c:pt>
                <c:pt idx="3873">
                  <c:v>-4158590.35550091</c:v>
                </c:pt>
                <c:pt idx="3874">
                  <c:v>-4160210.1640696102</c:v>
                </c:pt>
                <c:pt idx="3875">
                  <c:v>-4146013.3244329202</c:v>
                </c:pt>
                <c:pt idx="3876">
                  <c:v>-4126888.9618907501</c:v>
                </c:pt>
                <c:pt idx="3877">
                  <c:v>-4122890.0395859098</c:v>
                </c:pt>
                <c:pt idx="3878">
                  <c:v>-4138625.97896979</c:v>
                </c:pt>
                <c:pt idx="3879">
                  <c:v>-4126243.9909522599</c:v>
                </c:pt>
                <c:pt idx="3880">
                  <c:v>-4146804.61604336</c:v>
                </c:pt>
                <c:pt idx="3881">
                  <c:v>-4138086.30490073</c:v>
                </c:pt>
                <c:pt idx="3882">
                  <c:v>-4178337.5089629302</c:v>
                </c:pt>
                <c:pt idx="3883">
                  <c:v>-4175516.7894282299</c:v>
                </c:pt>
                <c:pt idx="3884">
                  <c:v>-4187795.2568721902</c:v>
                </c:pt>
                <c:pt idx="3885">
                  <c:v>-4194015.1090320698</c:v>
                </c:pt>
                <c:pt idx="3886">
                  <c:v>-4194015.1090320698</c:v>
                </c:pt>
                <c:pt idx="3887">
                  <c:v>-4194015.1090320698</c:v>
                </c:pt>
                <c:pt idx="3888">
                  <c:v>-4145709.4544474599</c:v>
                </c:pt>
                <c:pt idx="3889">
                  <c:v>-4145709.4544474599</c:v>
                </c:pt>
                <c:pt idx="3890">
                  <c:v>-4131067.65510967</c:v>
                </c:pt>
                <c:pt idx="3891">
                  <c:v>-4138646.44900954</c:v>
                </c:pt>
                <c:pt idx="3892">
                  <c:v>-4147679.1725742398</c:v>
                </c:pt>
                <c:pt idx="3893">
                  <c:v>-4149276.9580400102</c:v>
                </c:pt>
                <c:pt idx="3894">
                  <c:v>-4146586.4007949601</c:v>
                </c:pt>
                <c:pt idx="3895">
                  <c:v>-4125709.5089823301</c:v>
                </c:pt>
                <c:pt idx="3896">
                  <c:v>-4107447.06852302</c:v>
                </c:pt>
                <c:pt idx="3897">
                  <c:v>-4105463.73848932</c:v>
                </c:pt>
                <c:pt idx="3898">
                  <c:v>-4165773.3470429601</c:v>
                </c:pt>
                <c:pt idx="3899">
                  <c:v>-4169694.7929261499</c:v>
                </c:pt>
                <c:pt idx="3900">
                  <c:v>-4132300.0186123201</c:v>
                </c:pt>
                <c:pt idx="3901">
                  <c:v>-4137635.5177819901</c:v>
                </c:pt>
                <c:pt idx="3902">
                  <c:v>-4139354.2487807199</c:v>
                </c:pt>
                <c:pt idx="3903">
                  <c:v>-4161217.08623718</c:v>
                </c:pt>
                <c:pt idx="3904">
                  <c:v>-4164981.4000186501</c:v>
                </c:pt>
                <c:pt idx="3905">
                  <c:v>-4132418.7809244799</c:v>
                </c:pt>
                <c:pt idx="3906">
                  <c:v>-4133551.72028099</c:v>
                </c:pt>
                <c:pt idx="3907">
                  <c:v>-4116507.94180405</c:v>
                </c:pt>
                <c:pt idx="3908">
                  <c:v>-4135170.00099392</c:v>
                </c:pt>
                <c:pt idx="3909">
                  <c:v>-4134967.8470954001</c:v>
                </c:pt>
                <c:pt idx="3910">
                  <c:v>-4134688.8853527098</c:v>
                </c:pt>
                <c:pt idx="3911">
                  <c:v>-4141019.1156022502</c:v>
                </c:pt>
                <c:pt idx="3912">
                  <c:v>-4155247.3376588998</c:v>
                </c:pt>
                <c:pt idx="3913">
                  <c:v>-4155000.23405567</c:v>
                </c:pt>
                <c:pt idx="3914">
                  <c:v>-4180808.45701891</c:v>
                </c:pt>
                <c:pt idx="3915">
                  <c:v>-4122883.7177777998</c:v>
                </c:pt>
                <c:pt idx="3916">
                  <c:v>-4124523.71724999</c:v>
                </c:pt>
                <c:pt idx="3917">
                  <c:v>-4111901.0492179501</c:v>
                </c:pt>
                <c:pt idx="3918">
                  <c:v>-4119692.3023694502</c:v>
                </c:pt>
                <c:pt idx="3919">
                  <c:v>-4124883.7837377498</c:v>
                </c:pt>
                <c:pt idx="3920">
                  <c:v>-4110562.6832014602</c:v>
                </c:pt>
                <c:pt idx="3921">
                  <c:v>-4114114.8163508698</c:v>
                </c:pt>
                <c:pt idx="3922">
                  <c:v>-4129792.1292277202</c:v>
                </c:pt>
                <c:pt idx="3923">
                  <c:v>-4112333.1547182198</c:v>
                </c:pt>
                <c:pt idx="3924">
                  <c:v>-4110246.4756179401</c:v>
                </c:pt>
                <c:pt idx="3925">
                  <c:v>-4096554.6858443199</c:v>
                </c:pt>
                <c:pt idx="3926">
                  <c:v>-4099666.2941776901</c:v>
                </c:pt>
                <c:pt idx="3927">
                  <c:v>-4134813.7554766401</c:v>
                </c:pt>
                <c:pt idx="3928">
                  <c:v>-4129571.4565381599</c:v>
                </c:pt>
                <c:pt idx="3929">
                  <c:v>-4116722.6881366801</c:v>
                </c:pt>
                <c:pt idx="3930">
                  <c:v>-4073648.4663390401</c:v>
                </c:pt>
                <c:pt idx="3931">
                  <c:v>-4069935.97585887</c:v>
                </c:pt>
                <c:pt idx="3932">
                  <c:v>-4068068.2262950498</c:v>
                </c:pt>
                <c:pt idx="3933">
                  <c:v>-4012728.8222980099</c:v>
                </c:pt>
                <c:pt idx="3934">
                  <c:v>-4008518.3364887601</c:v>
                </c:pt>
                <c:pt idx="3935">
                  <c:v>-4003668.6024517999</c:v>
                </c:pt>
                <c:pt idx="3936">
                  <c:v>-3997292.0957346698</c:v>
                </c:pt>
                <c:pt idx="3937">
                  <c:v>-3958258.8723518099</c:v>
                </c:pt>
                <c:pt idx="3938">
                  <c:v>-3957739.1029785001</c:v>
                </c:pt>
                <c:pt idx="3939">
                  <c:v>-3954405.08462945</c:v>
                </c:pt>
                <c:pt idx="3940">
                  <c:v>-3955799.8528274298</c:v>
                </c:pt>
                <c:pt idx="3941">
                  <c:v>-3963803.8568063602</c:v>
                </c:pt>
                <c:pt idx="3942">
                  <c:v>-3970140.7062441302</c:v>
                </c:pt>
                <c:pt idx="3943">
                  <c:v>-3966291.2614486301</c:v>
                </c:pt>
                <c:pt idx="3944">
                  <c:v>-3979088.2184322798</c:v>
                </c:pt>
                <c:pt idx="3945">
                  <c:v>-3980245.99932122</c:v>
                </c:pt>
                <c:pt idx="3946">
                  <c:v>-3973288.3685786799</c:v>
                </c:pt>
                <c:pt idx="3947">
                  <c:v>-3977169.5976163801</c:v>
                </c:pt>
                <c:pt idx="3948">
                  <c:v>-3984572.16125768</c:v>
                </c:pt>
                <c:pt idx="3949">
                  <c:v>-3967094.2958832001</c:v>
                </c:pt>
                <c:pt idx="3950">
                  <c:v>-3964688.60673047</c:v>
                </c:pt>
                <c:pt idx="3951">
                  <c:v>-3958948.5538871898</c:v>
                </c:pt>
                <c:pt idx="3952">
                  <c:v>-3954496.8927191999</c:v>
                </c:pt>
                <c:pt idx="3953">
                  <c:v>-3953241.4733913899</c:v>
                </c:pt>
                <c:pt idx="3954">
                  <c:v>-3947092.6432229099</c:v>
                </c:pt>
                <c:pt idx="3955">
                  <c:v>-3948899.7194005698</c:v>
                </c:pt>
                <c:pt idx="3956">
                  <c:v>-3943386.2299473099</c:v>
                </c:pt>
                <c:pt idx="3957">
                  <c:v>-3946818.9700283199</c:v>
                </c:pt>
                <c:pt idx="3958">
                  <c:v>-3951311.3347710702</c:v>
                </c:pt>
                <c:pt idx="3959">
                  <c:v>-3949036.24115986</c:v>
                </c:pt>
                <c:pt idx="3960">
                  <c:v>-3918727.68898053</c:v>
                </c:pt>
                <c:pt idx="3961">
                  <c:v>-3932939.1099167801</c:v>
                </c:pt>
                <c:pt idx="3962">
                  <c:v>-3918834.2911975398</c:v>
                </c:pt>
                <c:pt idx="3963">
                  <c:v>-3921558.6914456598</c:v>
                </c:pt>
                <c:pt idx="3964">
                  <c:v>-3915628.9805473299</c:v>
                </c:pt>
                <c:pt idx="3965">
                  <c:v>-3903007.85090524</c:v>
                </c:pt>
                <c:pt idx="3966">
                  <c:v>-3918559.4230314698</c:v>
                </c:pt>
                <c:pt idx="3967">
                  <c:v>-3920021.8221968198</c:v>
                </c:pt>
                <c:pt idx="3968">
                  <c:v>-3881822.0400219299</c:v>
                </c:pt>
                <c:pt idx="3969">
                  <c:v>-3874759.2858960102</c:v>
                </c:pt>
                <c:pt idx="3970">
                  <c:v>-3861946.6415769299</c:v>
                </c:pt>
                <c:pt idx="3971">
                  <c:v>-3868013.04530328</c:v>
                </c:pt>
                <c:pt idx="3972">
                  <c:v>-3873427.4207175202</c:v>
                </c:pt>
                <c:pt idx="3973">
                  <c:v>-3872381.7747837701</c:v>
                </c:pt>
                <c:pt idx="3974">
                  <c:v>-3878781.4566456298</c:v>
                </c:pt>
                <c:pt idx="3975">
                  <c:v>-3879544.3186626602</c:v>
                </c:pt>
                <c:pt idx="3976">
                  <c:v>-3882967.3172039799</c:v>
                </c:pt>
                <c:pt idx="3977">
                  <c:v>-3875857.4624938201</c:v>
                </c:pt>
                <c:pt idx="3978">
                  <c:v>-3872729.3934005201</c:v>
                </c:pt>
                <c:pt idx="3979">
                  <c:v>-3871033.7557620299</c:v>
                </c:pt>
                <c:pt idx="3980">
                  <c:v>-3875065.7461911002</c:v>
                </c:pt>
                <c:pt idx="3981">
                  <c:v>-3886119.93992393</c:v>
                </c:pt>
                <c:pt idx="3982">
                  <c:v>-3892108.5445538298</c:v>
                </c:pt>
                <c:pt idx="3983">
                  <c:v>-3892770.4796217899</c:v>
                </c:pt>
                <c:pt idx="3984">
                  <c:v>-3913420.1789584998</c:v>
                </c:pt>
                <c:pt idx="3985">
                  <c:v>-3917890.40543218</c:v>
                </c:pt>
                <c:pt idx="3986">
                  <c:v>-3931801.3503016001</c:v>
                </c:pt>
                <c:pt idx="3987">
                  <c:v>-3915342.4649913502</c:v>
                </c:pt>
                <c:pt idx="3988">
                  <c:v>-3920459.6201774199</c:v>
                </c:pt>
                <c:pt idx="3989">
                  <c:v>-3910256.2168952101</c:v>
                </c:pt>
                <c:pt idx="3990">
                  <c:v>-3905740.34868336</c:v>
                </c:pt>
                <c:pt idx="3991">
                  <c:v>-3905331.8163161702</c:v>
                </c:pt>
                <c:pt idx="3992">
                  <c:v>-3922157.6566224499</c:v>
                </c:pt>
                <c:pt idx="3993">
                  <c:v>-3938961.7488031499</c:v>
                </c:pt>
                <c:pt idx="3994">
                  <c:v>-3932806.0482709999</c:v>
                </c:pt>
                <c:pt idx="3995">
                  <c:v>-3926594.8942581401</c:v>
                </c:pt>
                <c:pt idx="3996">
                  <c:v>-3936193.7841038201</c:v>
                </c:pt>
                <c:pt idx="3997">
                  <c:v>-3954286.6244718102</c:v>
                </c:pt>
                <c:pt idx="3998">
                  <c:v>-3937755.00041686</c:v>
                </c:pt>
                <c:pt idx="3999">
                  <c:v>-3955932.5118845901</c:v>
                </c:pt>
                <c:pt idx="4000">
                  <c:v>-3962421.9167192299</c:v>
                </c:pt>
                <c:pt idx="4001">
                  <c:v>-3963665.95562144</c:v>
                </c:pt>
                <c:pt idx="4002">
                  <c:v>-3934702.1091022999</c:v>
                </c:pt>
                <c:pt idx="4003">
                  <c:v>-3950490.0783316498</c:v>
                </c:pt>
                <c:pt idx="4004">
                  <c:v>-3954770.15683416</c:v>
                </c:pt>
                <c:pt idx="4005">
                  <c:v>-3937766.2252109698</c:v>
                </c:pt>
                <c:pt idx="4006">
                  <c:v>-3944616.7037009699</c:v>
                </c:pt>
                <c:pt idx="4007">
                  <c:v>-3970066.8450267301</c:v>
                </c:pt>
                <c:pt idx="4008">
                  <c:v>-3939227.7717579701</c:v>
                </c:pt>
                <c:pt idx="4009">
                  <c:v>-3951568.4114325498</c:v>
                </c:pt>
                <c:pt idx="4010">
                  <c:v>-3938694.17778297</c:v>
                </c:pt>
                <c:pt idx="4011">
                  <c:v>-3934732.3449162198</c:v>
                </c:pt>
                <c:pt idx="4012">
                  <c:v>-3924872.1709116702</c:v>
                </c:pt>
                <c:pt idx="4013">
                  <c:v>-3909976.1252394998</c:v>
                </c:pt>
                <c:pt idx="4014">
                  <c:v>-3850036.9771602699</c:v>
                </c:pt>
                <c:pt idx="4015">
                  <c:v>-3872941.7332882099</c:v>
                </c:pt>
                <c:pt idx="4016">
                  <c:v>-3858261.5281807198</c:v>
                </c:pt>
                <c:pt idx="4017">
                  <c:v>-3860742.4612710699</c:v>
                </c:pt>
                <c:pt idx="4018">
                  <c:v>-3820508.46442253</c:v>
                </c:pt>
                <c:pt idx="4019">
                  <c:v>-3811117.7446440598</c:v>
                </c:pt>
                <c:pt idx="4020">
                  <c:v>-3815276.7544853399</c:v>
                </c:pt>
                <c:pt idx="4021">
                  <c:v>-3811626.7565937298</c:v>
                </c:pt>
                <c:pt idx="4022">
                  <c:v>-3805999.1280580899</c:v>
                </c:pt>
                <c:pt idx="4023">
                  <c:v>-3800482.9835760999</c:v>
                </c:pt>
                <c:pt idx="4024">
                  <c:v>-3784885.2520845402</c:v>
                </c:pt>
                <c:pt idx="4025">
                  <c:v>-3781784.9747299198</c:v>
                </c:pt>
                <c:pt idx="4026">
                  <c:v>-3843604.43642005</c:v>
                </c:pt>
                <c:pt idx="4027">
                  <c:v>-3844325.0566771799</c:v>
                </c:pt>
                <c:pt idx="4028">
                  <c:v>-3843286.0895757298</c:v>
                </c:pt>
                <c:pt idx="4029">
                  <c:v>-3845166.21463789</c:v>
                </c:pt>
                <c:pt idx="4030">
                  <c:v>-3910267.4245151798</c:v>
                </c:pt>
                <c:pt idx="4031">
                  <c:v>-3897378.9989519399</c:v>
                </c:pt>
                <c:pt idx="4032">
                  <c:v>-3894366.5417853198</c:v>
                </c:pt>
                <c:pt idx="4033">
                  <c:v>-3879345.8153794599</c:v>
                </c:pt>
                <c:pt idx="4034">
                  <c:v>-3876099.2236763798</c:v>
                </c:pt>
                <c:pt idx="4035">
                  <c:v>-3906359.88098088</c:v>
                </c:pt>
                <c:pt idx="4036">
                  <c:v>-3911696.3417879199</c:v>
                </c:pt>
                <c:pt idx="4037">
                  <c:v>-3909821.5608656202</c:v>
                </c:pt>
                <c:pt idx="4038">
                  <c:v>-3907762.9385941499</c:v>
                </c:pt>
                <c:pt idx="4039">
                  <c:v>-3890188.19299924</c:v>
                </c:pt>
                <c:pt idx="4040">
                  <c:v>-3892199.4202368502</c:v>
                </c:pt>
                <c:pt idx="4041">
                  <c:v>-3888245.72995651</c:v>
                </c:pt>
                <c:pt idx="4042">
                  <c:v>-3877448.6735704099</c:v>
                </c:pt>
                <c:pt idx="4043">
                  <c:v>-3907119.6678159102</c:v>
                </c:pt>
                <c:pt idx="4044">
                  <c:v>-3899605.2740432699</c:v>
                </c:pt>
                <c:pt idx="4045">
                  <c:v>-3886548.1437188801</c:v>
                </c:pt>
                <c:pt idx="4046">
                  <c:v>-3868709.07206742</c:v>
                </c:pt>
                <c:pt idx="4047">
                  <c:v>-3870146.2046938399</c:v>
                </c:pt>
                <c:pt idx="4048">
                  <c:v>-3869082.3253429099</c:v>
                </c:pt>
                <c:pt idx="4049">
                  <c:v>-3844161.7127626799</c:v>
                </c:pt>
                <c:pt idx="4050">
                  <c:v>-3765544.8626944399</c:v>
                </c:pt>
                <c:pt idx="4051">
                  <c:v>-3772528.7945771301</c:v>
                </c:pt>
                <c:pt idx="4052">
                  <c:v>-3847419.76716789</c:v>
                </c:pt>
                <c:pt idx="4053">
                  <c:v>-3835396.0428428599</c:v>
                </c:pt>
                <c:pt idx="4054">
                  <c:v>-3793487.6562953601</c:v>
                </c:pt>
                <c:pt idx="4055">
                  <c:v>-3804144.65365239</c:v>
                </c:pt>
                <c:pt idx="4056">
                  <c:v>-3784925.6095194402</c:v>
                </c:pt>
                <c:pt idx="4057">
                  <c:v>-3783854.0178664499</c:v>
                </c:pt>
                <c:pt idx="4058">
                  <c:v>-3811304.0419575502</c:v>
                </c:pt>
                <c:pt idx="4059">
                  <c:v>-3810908.26567605</c:v>
                </c:pt>
                <c:pt idx="4060">
                  <c:v>-3808288.9930792102</c:v>
                </c:pt>
                <c:pt idx="4061">
                  <c:v>-3849186.4562558699</c:v>
                </c:pt>
                <c:pt idx="4062">
                  <c:v>-3846041.7327581798</c:v>
                </c:pt>
                <c:pt idx="4063">
                  <c:v>-3856301.9131590701</c:v>
                </c:pt>
                <c:pt idx="4064">
                  <c:v>-3837626.6378305699</c:v>
                </c:pt>
                <c:pt idx="4065">
                  <c:v>-3837668.7553630699</c:v>
                </c:pt>
                <c:pt idx="4066">
                  <c:v>-3869447.14625083</c:v>
                </c:pt>
                <c:pt idx="4067">
                  <c:v>-3859470.7843845799</c:v>
                </c:pt>
                <c:pt idx="4068">
                  <c:v>-3852808.29859254</c:v>
                </c:pt>
                <c:pt idx="4069">
                  <c:v>-3858753.4045210001</c:v>
                </c:pt>
                <c:pt idx="4070">
                  <c:v>-3862322.0231808298</c:v>
                </c:pt>
                <c:pt idx="4071">
                  <c:v>-3793206.9825018202</c:v>
                </c:pt>
                <c:pt idx="4072">
                  <c:v>-3797624.1712519899</c:v>
                </c:pt>
                <c:pt idx="4073">
                  <c:v>-3768069.8217566102</c:v>
                </c:pt>
                <c:pt idx="4074">
                  <c:v>-3765199.19994523</c:v>
                </c:pt>
                <c:pt idx="4075">
                  <c:v>-3774612.1226075101</c:v>
                </c:pt>
                <c:pt idx="4076">
                  <c:v>-3826309.9140672102</c:v>
                </c:pt>
                <c:pt idx="4077">
                  <c:v>-3828373.91846494</c:v>
                </c:pt>
                <c:pt idx="4078">
                  <c:v>-3828156.2652846901</c:v>
                </c:pt>
                <c:pt idx="4079">
                  <c:v>-3835509.1998238601</c:v>
                </c:pt>
                <c:pt idx="4080">
                  <c:v>-3821504.8703039698</c:v>
                </c:pt>
                <c:pt idx="4081">
                  <c:v>-3822666.3085489301</c:v>
                </c:pt>
                <c:pt idx="4082">
                  <c:v>-3820897.9456740399</c:v>
                </c:pt>
                <c:pt idx="4083">
                  <c:v>-3800105.5419701701</c:v>
                </c:pt>
                <c:pt idx="4084">
                  <c:v>-3792953.11481003</c:v>
                </c:pt>
                <c:pt idx="4085">
                  <c:v>-3765864.9499003901</c:v>
                </c:pt>
                <c:pt idx="4086">
                  <c:v>-3764767.47201167</c:v>
                </c:pt>
                <c:pt idx="4087">
                  <c:v>-3773662.2280359101</c:v>
                </c:pt>
                <c:pt idx="4088">
                  <c:v>-3773630.0366966999</c:v>
                </c:pt>
                <c:pt idx="4089">
                  <c:v>-3750886.20795957</c:v>
                </c:pt>
                <c:pt idx="4090">
                  <c:v>-3767564.4610825698</c:v>
                </c:pt>
                <c:pt idx="4091">
                  <c:v>-3764013.2965353299</c:v>
                </c:pt>
                <c:pt idx="4092">
                  <c:v>-3762334.8072368</c:v>
                </c:pt>
                <c:pt idx="4093">
                  <c:v>-3763473.7603499098</c:v>
                </c:pt>
                <c:pt idx="4094">
                  <c:v>-3766389.8728765598</c:v>
                </c:pt>
                <c:pt idx="4095">
                  <c:v>-3757483.40697305</c:v>
                </c:pt>
                <c:pt idx="4096">
                  <c:v>-3761338.4909469299</c:v>
                </c:pt>
                <c:pt idx="4097">
                  <c:v>-3761120.58679664</c:v>
                </c:pt>
                <c:pt idx="4098">
                  <c:v>-3752387.0365635799</c:v>
                </c:pt>
                <c:pt idx="4099">
                  <c:v>-3788443.3729290101</c:v>
                </c:pt>
                <c:pt idx="4100">
                  <c:v>-3780421.4438831299</c:v>
                </c:pt>
                <c:pt idx="4101">
                  <c:v>-3780308.61046447</c:v>
                </c:pt>
                <c:pt idx="4102">
                  <c:v>-3772431.6899421001</c:v>
                </c:pt>
                <c:pt idx="4103">
                  <c:v>-3755490.3332425901</c:v>
                </c:pt>
                <c:pt idx="4104">
                  <c:v>-3740142.47157794</c:v>
                </c:pt>
                <c:pt idx="4105">
                  <c:v>-3740142.47157794</c:v>
                </c:pt>
                <c:pt idx="4106">
                  <c:v>-3800431.1099757398</c:v>
                </c:pt>
                <c:pt idx="4107">
                  <c:v>-3797200.8722264902</c:v>
                </c:pt>
                <c:pt idx="4108">
                  <c:v>-3807424.2598488899</c:v>
                </c:pt>
                <c:pt idx="4109">
                  <c:v>-3809584.0535546802</c:v>
                </c:pt>
                <c:pt idx="4110">
                  <c:v>-3822733.1671896498</c:v>
                </c:pt>
                <c:pt idx="4111">
                  <c:v>-3813304.6756552998</c:v>
                </c:pt>
                <c:pt idx="4112">
                  <c:v>-3796393.3923534402</c:v>
                </c:pt>
                <c:pt idx="4113">
                  <c:v>-3819944.9902420398</c:v>
                </c:pt>
                <c:pt idx="4114">
                  <c:v>-3828012.4728434598</c:v>
                </c:pt>
                <c:pt idx="4115">
                  <c:v>-3822171.6342669302</c:v>
                </c:pt>
                <c:pt idx="4116">
                  <c:v>-3838679.5519335298</c:v>
                </c:pt>
                <c:pt idx="4117">
                  <c:v>-3817128.7381352899</c:v>
                </c:pt>
                <c:pt idx="4118">
                  <c:v>-3810578.2214498799</c:v>
                </c:pt>
                <c:pt idx="4119">
                  <c:v>-3818393.8372230302</c:v>
                </c:pt>
                <c:pt idx="4120">
                  <c:v>-3844747.6506877099</c:v>
                </c:pt>
                <c:pt idx="4121">
                  <c:v>-3826573.7066252301</c:v>
                </c:pt>
                <c:pt idx="4122">
                  <c:v>-3813102.7403603299</c:v>
                </c:pt>
                <c:pt idx="4123">
                  <c:v>-3811729.3956868402</c:v>
                </c:pt>
                <c:pt idx="4124">
                  <c:v>-3813020.6161111202</c:v>
                </c:pt>
                <c:pt idx="4125">
                  <c:v>-3808854.2038625302</c:v>
                </c:pt>
                <c:pt idx="4126">
                  <c:v>-3784952.6243891702</c:v>
                </c:pt>
                <c:pt idx="4127">
                  <c:v>-3783557.8712833798</c:v>
                </c:pt>
                <c:pt idx="4128">
                  <c:v>-3767855.4476599698</c:v>
                </c:pt>
                <c:pt idx="4129">
                  <c:v>-3743928.9017487201</c:v>
                </c:pt>
                <c:pt idx="4130">
                  <c:v>-3754274.2855145698</c:v>
                </c:pt>
                <c:pt idx="4131">
                  <c:v>-3748099.2839591601</c:v>
                </c:pt>
                <c:pt idx="4132">
                  <c:v>-3739258.6046033101</c:v>
                </c:pt>
                <c:pt idx="4133">
                  <c:v>-3738058.2353827101</c:v>
                </c:pt>
                <c:pt idx="4134">
                  <c:v>-3756389.2375295302</c:v>
                </c:pt>
                <c:pt idx="4135">
                  <c:v>-3765466.72998132</c:v>
                </c:pt>
                <c:pt idx="4136">
                  <c:v>-3774905.3228062</c:v>
                </c:pt>
                <c:pt idx="4137">
                  <c:v>-3769643.2472332902</c:v>
                </c:pt>
                <c:pt idx="4138">
                  <c:v>-3763769.8706201399</c:v>
                </c:pt>
                <c:pt idx="4139">
                  <c:v>-3747155.62090221</c:v>
                </c:pt>
                <c:pt idx="4140">
                  <c:v>-3743947.7949681198</c:v>
                </c:pt>
                <c:pt idx="4141">
                  <c:v>-3746151.23052119</c:v>
                </c:pt>
                <c:pt idx="4142">
                  <c:v>-3744518.41442789</c:v>
                </c:pt>
                <c:pt idx="4143">
                  <c:v>-3739968.1855640202</c:v>
                </c:pt>
                <c:pt idx="4144">
                  <c:v>-3719494.4869116498</c:v>
                </c:pt>
                <c:pt idx="4145">
                  <c:v>-3754458.4448615201</c:v>
                </c:pt>
                <c:pt idx="4146">
                  <c:v>-3774265.6654210398</c:v>
                </c:pt>
                <c:pt idx="4147">
                  <c:v>-3774985.39636704</c:v>
                </c:pt>
                <c:pt idx="4148">
                  <c:v>-3774972.7582185399</c:v>
                </c:pt>
                <c:pt idx="4149">
                  <c:v>-3767609.0106626698</c:v>
                </c:pt>
                <c:pt idx="4150">
                  <c:v>-3759065.6942950301</c:v>
                </c:pt>
                <c:pt idx="4151">
                  <c:v>-3747788.45025024</c:v>
                </c:pt>
                <c:pt idx="4152">
                  <c:v>-3741277.0259225098</c:v>
                </c:pt>
                <c:pt idx="4153">
                  <c:v>-3726328.9702007198</c:v>
                </c:pt>
                <c:pt idx="4154">
                  <c:v>-3728233.74985292</c:v>
                </c:pt>
                <c:pt idx="4155">
                  <c:v>-3697511.8088324</c:v>
                </c:pt>
                <c:pt idx="4156">
                  <c:v>-3689420.2964882501</c:v>
                </c:pt>
                <c:pt idx="4157">
                  <c:v>-3698245.1600545198</c:v>
                </c:pt>
                <c:pt idx="4158">
                  <c:v>-3675678.2478479999</c:v>
                </c:pt>
                <c:pt idx="4159">
                  <c:v>-3665697.8001920101</c:v>
                </c:pt>
                <c:pt idx="4160">
                  <c:v>-3668608.96919173</c:v>
                </c:pt>
                <c:pt idx="4161">
                  <c:v>-3664429.1607318502</c:v>
                </c:pt>
                <c:pt idx="4162">
                  <c:v>-3661969.7076111599</c:v>
                </c:pt>
                <c:pt idx="4163">
                  <c:v>-3658091.4209551802</c:v>
                </c:pt>
                <c:pt idx="4164">
                  <c:v>-3663044.4930106602</c:v>
                </c:pt>
                <c:pt idx="4165">
                  <c:v>-3669620.3800250599</c:v>
                </c:pt>
                <c:pt idx="4166">
                  <c:v>-3665168.7058540899</c:v>
                </c:pt>
                <c:pt idx="4167">
                  <c:v>-3748345.8492352301</c:v>
                </c:pt>
                <c:pt idx="4168">
                  <c:v>-3766291.0095115099</c:v>
                </c:pt>
                <c:pt idx="4169">
                  <c:v>-3695997.8674917002</c:v>
                </c:pt>
                <c:pt idx="4170">
                  <c:v>-3696343.1308304002</c:v>
                </c:pt>
                <c:pt idx="4171">
                  <c:v>-3668994.9149822402</c:v>
                </c:pt>
                <c:pt idx="4172">
                  <c:v>-3659330.0036482499</c:v>
                </c:pt>
                <c:pt idx="4173">
                  <c:v>-3661596.3822810198</c:v>
                </c:pt>
                <c:pt idx="4174">
                  <c:v>-3661753.7772555999</c:v>
                </c:pt>
                <c:pt idx="4175">
                  <c:v>-3664464.2769125002</c:v>
                </c:pt>
                <c:pt idx="4176">
                  <c:v>-3685198.6855066102</c:v>
                </c:pt>
                <c:pt idx="4177">
                  <c:v>-3686666.2290568599</c:v>
                </c:pt>
                <c:pt idx="4178">
                  <c:v>-3686666.2290568599</c:v>
                </c:pt>
                <c:pt idx="4179">
                  <c:v>-3681955.25461483</c:v>
                </c:pt>
                <c:pt idx="4180">
                  <c:v>-3669623.5432410901</c:v>
                </c:pt>
                <c:pt idx="4181">
                  <c:v>-3669623.5432410901</c:v>
                </c:pt>
                <c:pt idx="4182">
                  <c:v>-3668360.6241381299</c:v>
                </c:pt>
                <c:pt idx="4183">
                  <c:v>-3661626.8428567601</c:v>
                </c:pt>
                <c:pt idx="4184">
                  <c:v>-3672871.4756229399</c:v>
                </c:pt>
                <c:pt idx="4185">
                  <c:v>-3673419.7487795898</c:v>
                </c:pt>
                <c:pt idx="4186">
                  <c:v>-3662219.6546777901</c:v>
                </c:pt>
                <c:pt idx="4187">
                  <c:v>-3655691.25885054</c:v>
                </c:pt>
                <c:pt idx="4188">
                  <c:v>-3654138.4113340401</c:v>
                </c:pt>
                <c:pt idx="4189">
                  <c:v>-3652277.4627916901</c:v>
                </c:pt>
                <c:pt idx="4190">
                  <c:v>-3633931.0328469798</c:v>
                </c:pt>
                <c:pt idx="4191">
                  <c:v>-3632144.10692742</c:v>
                </c:pt>
                <c:pt idx="4192">
                  <c:v>-3650591.1001416598</c:v>
                </c:pt>
                <c:pt idx="4193">
                  <c:v>-3643018.8378426898</c:v>
                </c:pt>
                <c:pt idx="4194">
                  <c:v>-3641255.7677140199</c:v>
                </c:pt>
                <c:pt idx="4195">
                  <c:v>-3622705.3989607799</c:v>
                </c:pt>
                <c:pt idx="4196">
                  <c:v>-3647332.88665755</c:v>
                </c:pt>
                <c:pt idx="4197">
                  <c:v>-3659123.4831535602</c:v>
                </c:pt>
                <c:pt idx="4198">
                  <c:v>-3671149.1944146501</c:v>
                </c:pt>
                <c:pt idx="4199">
                  <c:v>-3701779.77406795</c:v>
                </c:pt>
                <c:pt idx="4200">
                  <c:v>-3650431.1194254202</c:v>
                </c:pt>
                <c:pt idx="4201">
                  <c:v>-3648717.2411957299</c:v>
                </c:pt>
                <c:pt idx="4202">
                  <c:v>-3637203.1380281402</c:v>
                </c:pt>
                <c:pt idx="4203">
                  <c:v>-3620093.84581823</c:v>
                </c:pt>
                <c:pt idx="4204">
                  <c:v>-3632891.8377345498</c:v>
                </c:pt>
                <c:pt idx="4205">
                  <c:v>-3624885.2307696901</c:v>
                </c:pt>
                <c:pt idx="4206">
                  <c:v>-3631372.6827566898</c:v>
                </c:pt>
                <c:pt idx="4207">
                  <c:v>-3591451.1767489701</c:v>
                </c:pt>
                <c:pt idx="4208">
                  <c:v>-3573707.0959281102</c:v>
                </c:pt>
                <c:pt idx="4209">
                  <c:v>-3586658.7113997401</c:v>
                </c:pt>
                <c:pt idx="4210">
                  <c:v>-3584616.6344426</c:v>
                </c:pt>
                <c:pt idx="4211">
                  <c:v>-3581921.0542502902</c:v>
                </c:pt>
                <c:pt idx="4212">
                  <c:v>-3585497.7531921002</c:v>
                </c:pt>
                <c:pt idx="4213">
                  <c:v>-3581053.16945267</c:v>
                </c:pt>
                <c:pt idx="4214">
                  <c:v>-3576990.4820110002</c:v>
                </c:pt>
                <c:pt idx="4215">
                  <c:v>-3572207.76596002</c:v>
                </c:pt>
                <c:pt idx="4216">
                  <c:v>-3575868.4786595199</c:v>
                </c:pt>
                <c:pt idx="4217">
                  <c:v>-3572435.68441898</c:v>
                </c:pt>
                <c:pt idx="4218">
                  <c:v>-3572363.4772803201</c:v>
                </c:pt>
                <c:pt idx="4219">
                  <c:v>-3561274.4100700398</c:v>
                </c:pt>
                <c:pt idx="4220">
                  <c:v>-3549977.1966149099</c:v>
                </c:pt>
                <c:pt idx="4221">
                  <c:v>-3570354.5717129</c:v>
                </c:pt>
                <c:pt idx="4222">
                  <c:v>-3551303.30636315</c:v>
                </c:pt>
                <c:pt idx="4223">
                  <c:v>-3604560.49819102</c:v>
                </c:pt>
                <c:pt idx="4224">
                  <c:v>-3590324.6369247702</c:v>
                </c:pt>
                <c:pt idx="4225">
                  <c:v>-3580328.35614589</c:v>
                </c:pt>
                <c:pt idx="4226">
                  <c:v>-3578042.9880234902</c:v>
                </c:pt>
                <c:pt idx="4227">
                  <c:v>-3578943.20450282</c:v>
                </c:pt>
                <c:pt idx="4228">
                  <c:v>-3583955.7176413899</c:v>
                </c:pt>
                <c:pt idx="4229">
                  <c:v>-3572151.7600966501</c:v>
                </c:pt>
                <c:pt idx="4230">
                  <c:v>-3554724.0604638802</c:v>
                </c:pt>
                <c:pt idx="4231">
                  <c:v>-3564370.1960102702</c:v>
                </c:pt>
                <c:pt idx="4232">
                  <c:v>-3553130.2134424699</c:v>
                </c:pt>
                <c:pt idx="4233">
                  <c:v>-3540412.1063025901</c:v>
                </c:pt>
                <c:pt idx="4234">
                  <c:v>-3547311.1685136701</c:v>
                </c:pt>
                <c:pt idx="4235">
                  <c:v>-3525066.1124807098</c:v>
                </c:pt>
                <c:pt idx="4236">
                  <c:v>-3543979.3375437399</c:v>
                </c:pt>
                <c:pt idx="4237">
                  <c:v>-3544798.9090747898</c:v>
                </c:pt>
                <c:pt idx="4238">
                  <c:v>-3537012.48698257</c:v>
                </c:pt>
                <c:pt idx="4239">
                  <c:v>-3539274.4638163601</c:v>
                </c:pt>
                <c:pt idx="4240">
                  <c:v>-3551407.77291016</c:v>
                </c:pt>
                <c:pt idx="4241">
                  <c:v>-3552373.4935681601</c:v>
                </c:pt>
                <c:pt idx="4242">
                  <c:v>-3550323.7823616001</c:v>
                </c:pt>
                <c:pt idx="4243">
                  <c:v>-3527700.1171059199</c:v>
                </c:pt>
                <c:pt idx="4244">
                  <c:v>-3526594.2690914501</c:v>
                </c:pt>
                <c:pt idx="4245">
                  <c:v>-3526594.2690914501</c:v>
                </c:pt>
                <c:pt idx="4246">
                  <c:v>-3486842.1988514899</c:v>
                </c:pt>
                <c:pt idx="4247">
                  <c:v>-3501389.8603188298</c:v>
                </c:pt>
                <c:pt idx="4248">
                  <c:v>-3507635.9574507601</c:v>
                </c:pt>
                <c:pt idx="4249">
                  <c:v>-3493417.8949974901</c:v>
                </c:pt>
                <c:pt idx="4250">
                  <c:v>-3498103.38713022</c:v>
                </c:pt>
                <c:pt idx="4251">
                  <c:v>-3508864.7428241302</c:v>
                </c:pt>
                <c:pt idx="4252">
                  <c:v>-3452293.2125027999</c:v>
                </c:pt>
                <c:pt idx="4253">
                  <c:v>-3435334.9370607701</c:v>
                </c:pt>
                <c:pt idx="4254">
                  <c:v>-3386341.3925416199</c:v>
                </c:pt>
                <c:pt idx="4255">
                  <c:v>-3386457.84509425</c:v>
                </c:pt>
                <c:pt idx="4256">
                  <c:v>-3371495.29425159</c:v>
                </c:pt>
                <c:pt idx="4257">
                  <c:v>-3372610.9102408499</c:v>
                </c:pt>
                <c:pt idx="4258">
                  <c:v>-3389693.2628609901</c:v>
                </c:pt>
                <c:pt idx="4259">
                  <c:v>-3382587.4039756302</c:v>
                </c:pt>
                <c:pt idx="4260">
                  <c:v>-3385688.2723386702</c:v>
                </c:pt>
                <c:pt idx="4261">
                  <c:v>-3379341.5297628799</c:v>
                </c:pt>
                <c:pt idx="4262">
                  <c:v>-3357542.1611670102</c:v>
                </c:pt>
                <c:pt idx="4263">
                  <c:v>-3335781.8800520198</c:v>
                </c:pt>
                <c:pt idx="4264">
                  <c:v>-3342333.9101675898</c:v>
                </c:pt>
                <c:pt idx="4265">
                  <c:v>-3333245.2588892402</c:v>
                </c:pt>
                <c:pt idx="4266">
                  <c:v>-3337011.3097239099</c:v>
                </c:pt>
                <c:pt idx="4267">
                  <c:v>-3327896.1177134798</c:v>
                </c:pt>
                <c:pt idx="4268">
                  <c:v>-3336177.95132078</c:v>
                </c:pt>
                <c:pt idx="4269">
                  <c:v>-3336501.4966354501</c:v>
                </c:pt>
                <c:pt idx="4270">
                  <c:v>-3335322.98533112</c:v>
                </c:pt>
                <c:pt idx="4271">
                  <c:v>-3341840.7262843498</c:v>
                </c:pt>
                <c:pt idx="4272">
                  <c:v>-3347117.9712511599</c:v>
                </c:pt>
                <c:pt idx="4273">
                  <c:v>-3345161.2049147598</c:v>
                </c:pt>
                <c:pt idx="4274">
                  <c:v>-3355694.9572413098</c:v>
                </c:pt>
                <c:pt idx="4275">
                  <c:v>-3354688.7835669601</c:v>
                </c:pt>
                <c:pt idx="4276">
                  <c:v>-3368792.3027965301</c:v>
                </c:pt>
                <c:pt idx="4277">
                  <c:v>-3363913.8949268898</c:v>
                </c:pt>
                <c:pt idx="4278">
                  <c:v>-3373439.5188864302</c:v>
                </c:pt>
                <c:pt idx="4279">
                  <c:v>-3373439.5188864302</c:v>
                </c:pt>
                <c:pt idx="4280">
                  <c:v>-3382807.2242805199</c:v>
                </c:pt>
                <c:pt idx="4281">
                  <c:v>-3378130.8140371698</c:v>
                </c:pt>
                <c:pt idx="4282">
                  <c:v>-3386739.8950911802</c:v>
                </c:pt>
                <c:pt idx="4283">
                  <c:v>-3387229.1230240599</c:v>
                </c:pt>
                <c:pt idx="4284">
                  <c:v>-3384989.5472383602</c:v>
                </c:pt>
                <c:pt idx="4285">
                  <c:v>-3379535.8184406301</c:v>
                </c:pt>
                <c:pt idx="4286">
                  <c:v>-3382821.9729727502</c:v>
                </c:pt>
                <c:pt idx="4287">
                  <c:v>-3329947.9950367799</c:v>
                </c:pt>
                <c:pt idx="4288">
                  <c:v>-3329091.2252845801</c:v>
                </c:pt>
                <c:pt idx="4289">
                  <c:v>-3323393.69724108</c:v>
                </c:pt>
                <c:pt idx="4290">
                  <c:v>-3315973.7413688502</c:v>
                </c:pt>
                <c:pt idx="4291">
                  <c:v>-3314374.0928238998</c:v>
                </c:pt>
                <c:pt idx="4292">
                  <c:v>-3301946.4416124499</c:v>
                </c:pt>
                <c:pt idx="4293">
                  <c:v>-3301824.9472830798</c:v>
                </c:pt>
                <c:pt idx="4294">
                  <c:v>-3294805.7821442299</c:v>
                </c:pt>
                <c:pt idx="4295">
                  <c:v>-3298881.4666709602</c:v>
                </c:pt>
                <c:pt idx="4296">
                  <c:v>-3302840.5811613901</c:v>
                </c:pt>
                <c:pt idx="4297">
                  <c:v>-3287110.4359603301</c:v>
                </c:pt>
                <c:pt idx="4298">
                  <c:v>-3283645.0561986398</c:v>
                </c:pt>
                <c:pt idx="4299">
                  <c:v>-3311594.2676549298</c:v>
                </c:pt>
                <c:pt idx="4300">
                  <c:v>-3311594.2676549298</c:v>
                </c:pt>
                <c:pt idx="4301">
                  <c:v>-3323455.0422050301</c:v>
                </c:pt>
                <c:pt idx="4302">
                  <c:v>-3327142.0618368699</c:v>
                </c:pt>
                <c:pt idx="4303">
                  <c:v>-3323836.4195609102</c:v>
                </c:pt>
                <c:pt idx="4304">
                  <c:v>-3351867.5081183598</c:v>
                </c:pt>
                <c:pt idx="4305">
                  <c:v>-3342744.6144829802</c:v>
                </c:pt>
                <c:pt idx="4306">
                  <c:v>-3322251.8613135102</c:v>
                </c:pt>
                <c:pt idx="4307">
                  <c:v>-3326508.5145118101</c:v>
                </c:pt>
                <c:pt idx="4308">
                  <c:v>-3351149.8040524102</c:v>
                </c:pt>
                <c:pt idx="4309">
                  <c:v>-3349365.83299278</c:v>
                </c:pt>
                <c:pt idx="4310">
                  <c:v>-3320815.1299249199</c:v>
                </c:pt>
                <c:pt idx="4311">
                  <c:v>-3324087.03243504</c:v>
                </c:pt>
                <c:pt idx="4312">
                  <c:v>-3323867.1994054201</c:v>
                </c:pt>
                <c:pt idx="4313">
                  <c:v>-3323538.3742964799</c:v>
                </c:pt>
                <c:pt idx="4314">
                  <c:v>-3330560.3958476102</c:v>
                </c:pt>
                <c:pt idx="4315">
                  <c:v>-3330013.3430947298</c:v>
                </c:pt>
                <c:pt idx="4316">
                  <c:v>-3334398.4519636501</c:v>
                </c:pt>
                <c:pt idx="4317">
                  <c:v>-3328900.0697369701</c:v>
                </c:pt>
                <c:pt idx="4318">
                  <c:v>-3324806.4396295799</c:v>
                </c:pt>
                <c:pt idx="4319">
                  <c:v>-3337715.1309488998</c:v>
                </c:pt>
                <c:pt idx="4320">
                  <c:v>-3348049.8096909099</c:v>
                </c:pt>
                <c:pt idx="4321">
                  <c:v>-3357859.2294164202</c:v>
                </c:pt>
                <c:pt idx="4322">
                  <c:v>-3357969.3226690302</c:v>
                </c:pt>
                <c:pt idx="4323">
                  <c:v>-3323906.08520472</c:v>
                </c:pt>
                <c:pt idx="4324">
                  <c:v>-3318330.0441699801</c:v>
                </c:pt>
                <c:pt idx="4325">
                  <c:v>-3326010.2664370099</c:v>
                </c:pt>
                <c:pt idx="4326">
                  <c:v>-3328407.2763432302</c:v>
                </c:pt>
                <c:pt idx="4327">
                  <c:v>-3330389.28341881</c:v>
                </c:pt>
                <c:pt idx="4328">
                  <c:v>-3332367.2520639398</c:v>
                </c:pt>
                <c:pt idx="4329">
                  <c:v>-3327862.0719244499</c:v>
                </c:pt>
                <c:pt idx="4330">
                  <c:v>-3324715.6583598698</c:v>
                </c:pt>
                <c:pt idx="4331">
                  <c:v>-3334643.9951298102</c:v>
                </c:pt>
                <c:pt idx="4332">
                  <c:v>-3321386.7665266902</c:v>
                </c:pt>
                <c:pt idx="4333">
                  <c:v>-3303109.4154945202</c:v>
                </c:pt>
                <c:pt idx="4334">
                  <c:v>-3308774.76225822</c:v>
                </c:pt>
                <c:pt idx="4335">
                  <c:v>-3324291.6275796602</c:v>
                </c:pt>
                <c:pt idx="4336">
                  <c:v>-3343237.2640125598</c:v>
                </c:pt>
                <c:pt idx="4337">
                  <c:v>-3331474.79808651</c:v>
                </c:pt>
                <c:pt idx="4338">
                  <c:v>-3327532.7021164801</c:v>
                </c:pt>
                <c:pt idx="4339">
                  <c:v>-3329062.5111047099</c:v>
                </c:pt>
                <c:pt idx="4340">
                  <c:v>-3333894.55027141</c:v>
                </c:pt>
                <c:pt idx="4341">
                  <c:v>-3344809.5575319901</c:v>
                </c:pt>
                <c:pt idx="4342">
                  <c:v>-3339539.5958291902</c:v>
                </c:pt>
                <c:pt idx="4343">
                  <c:v>-3318280.61755687</c:v>
                </c:pt>
                <c:pt idx="4344">
                  <c:v>-3304064.4626418799</c:v>
                </c:pt>
                <c:pt idx="4345">
                  <c:v>-3304458.6162178</c:v>
                </c:pt>
                <c:pt idx="4346">
                  <c:v>-3304734.1602967698</c:v>
                </c:pt>
                <c:pt idx="4347">
                  <c:v>-3305436.51013633</c:v>
                </c:pt>
                <c:pt idx="4348">
                  <c:v>-3316365.9695202098</c:v>
                </c:pt>
                <c:pt idx="4349">
                  <c:v>-3287903.9685276202</c:v>
                </c:pt>
                <c:pt idx="4350">
                  <c:v>-3263061.5486689401</c:v>
                </c:pt>
                <c:pt idx="4351">
                  <c:v>-3262848.5878239502</c:v>
                </c:pt>
                <c:pt idx="4352">
                  <c:v>-3240988.5036688899</c:v>
                </c:pt>
                <c:pt idx="4353">
                  <c:v>-3241563.6394548402</c:v>
                </c:pt>
                <c:pt idx="4354">
                  <c:v>-3253978.9714490399</c:v>
                </c:pt>
                <c:pt idx="4355">
                  <c:v>-3257227.2254344602</c:v>
                </c:pt>
                <c:pt idx="4356">
                  <c:v>-3256867.3220877401</c:v>
                </c:pt>
                <c:pt idx="4357">
                  <c:v>-3258402.4457095098</c:v>
                </c:pt>
                <c:pt idx="4358">
                  <c:v>-3263007.2992040198</c:v>
                </c:pt>
                <c:pt idx="4359">
                  <c:v>-3264416.0170097901</c:v>
                </c:pt>
                <c:pt idx="4360">
                  <c:v>-3285754.4350761101</c:v>
                </c:pt>
                <c:pt idx="4361">
                  <c:v>-3276824.5078854798</c:v>
                </c:pt>
                <c:pt idx="4362">
                  <c:v>-3283722.3629779601</c:v>
                </c:pt>
                <c:pt idx="4363">
                  <c:v>-3284472.2837057998</c:v>
                </c:pt>
                <c:pt idx="4364">
                  <c:v>-3285241.7256000401</c:v>
                </c:pt>
                <c:pt idx="4365">
                  <c:v>-3285241.7256000401</c:v>
                </c:pt>
                <c:pt idx="4366">
                  <c:v>-3286957.3598628198</c:v>
                </c:pt>
                <c:pt idx="4367">
                  <c:v>-3270175.7621869198</c:v>
                </c:pt>
                <c:pt idx="4368">
                  <c:v>-3253636.2427524398</c:v>
                </c:pt>
                <c:pt idx="4369">
                  <c:v>-3253050.4912021998</c:v>
                </c:pt>
                <c:pt idx="4370">
                  <c:v>-3227651.7350660702</c:v>
                </c:pt>
                <c:pt idx="4371">
                  <c:v>-3223273.0424901601</c:v>
                </c:pt>
                <c:pt idx="4372">
                  <c:v>-3220818.0412459401</c:v>
                </c:pt>
                <c:pt idx="4373">
                  <c:v>-3215166.5639531799</c:v>
                </c:pt>
                <c:pt idx="4374">
                  <c:v>-3202523.17259213</c:v>
                </c:pt>
                <c:pt idx="4375">
                  <c:v>-3185451.6697397199</c:v>
                </c:pt>
                <c:pt idx="4376">
                  <c:v>-3197537.5431635398</c:v>
                </c:pt>
                <c:pt idx="4377">
                  <c:v>-3206672.4364383202</c:v>
                </c:pt>
                <c:pt idx="4378">
                  <c:v>-3177326.15163081</c:v>
                </c:pt>
                <c:pt idx="4379">
                  <c:v>-3180094.3555189702</c:v>
                </c:pt>
                <c:pt idx="4380">
                  <c:v>-3171134.0965708401</c:v>
                </c:pt>
                <c:pt idx="4381">
                  <c:v>-3177296.82935433</c:v>
                </c:pt>
                <c:pt idx="4382">
                  <c:v>-3162930.83701846</c:v>
                </c:pt>
                <c:pt idx="4383">
                  <c:v>-3160396.36885241</c:v>
                </c:pt>
                <c:pt idx="4384">
                  <c:v>-3178979.02559976</c:v>
                </c:pt>
                <c:pt idx="4385">
                  <c:v>-3204023.8729545898</c:v>
                </c:pt>
                <c:pt idx="4386">
                  <c:v>-3202400.9873091299</c:v>
                </c:pt>
                <c:pt idx="4387">
                  <c:v>-3201334.7559587602</c:v>
                </c:pt>
                <c:pt idx="4388">
                  <c:v>-3207174.7895184299</c:v>
                </c:pt>
                <c:pt idx="4389">
                  <c:v>-3213979.9190138802</c:v>
                </c:pt>
                <c:pt idx="4390">
                  <c:v>-3194584.5323661501</c:v>
                </c:pt>
                <c:pt idx="4391">
                  <c:v>-3194179.81040195</c:v>
                </c:pt>
                <c:pt idx="4392">
                  <c:v>-3181113.97987863</c:v>
                </c:pt>
                <c:pt idx="4393">
                  <c:v>-3162203.4185779602</c:v>
                </c:pt>
                <c:pt idx="4394">
                  <c:v>-3095447.17117379</c:v>
                </c:pt>
                <c:pt idx="4395">
                  <c:v>-3086729.2672158298</c:v>
                </c:pt>
                <c:pt idx="4396">
                  <c:v>-3090326.8994266898</c:v>
                </c:pt>
                <c:pt idx="4397">
                  <c:v>-3091107.322096</c:v>
                </c:pt>
                <c:pt idx="4398">
                  <c:v>-3095463.4827450798</c:v>
                </c:pt>
                <c:pt idx="4399">
                  <c:v>-3091567.5537153902</c:v>
                </c:pt>
                <c:pt idx="4400">
                  <c:v>-3094825.2522855299</c:v>
                </c:pt>
                <c:pt idx="4401">
                  <c:v>-3087520.12222934</c:v>
                </c:pt>
                <c:pt idx="4402">
                  <c:v>-3086673.8303274298</c:v>
                </c:pt>
                <c:pt idx="4403">
                  <c:v>-3087013.8232585499</c:v>
                </c:pt>
                <c:pt idx="4404">
                  <c:v>-3066500.8844182701</c:v>
                </c:pt>
                <c:pt idx="4405">
                  <c:v>-3070253.2940291101</c:v>
                </c:pt>
                <c:pt idx="4406">
                  <c:v>-3063487.7324767699</c:v>
                </c:pt>
                <c:pt idx="4407">
                  <c:v>-3037746.8193427399</c:v>
                </c:pt>
                <c:pt idx="4408">
                  <c:v>-3054677.3346042698</c:v>
                </c:pt>
                <c:pt idx="4409">
                  <c:v>-3092045.7127584401</c:v>
                </c:pt>
                <c:pt idx="4410">
                  <c:v>-3054096.7834497099</c:v>
                </c:pt>
                <c:pt idx="4411">
                  <c:v>-3084123.6528521101</c:v>
                </c:pt>
                <c:pt idx="4412">
                  <c:v>-3075253.13489505</c:v>
                </c:pt>
                <c:pt idx="4413">
                  <c:v>-3066173.4201073102</c:v>
                </c:pt>
                <c:pt idx="4414">
                  <c:v>-3079002.7240959499</c:v>
                </c:pt>
                <c:pt idx="4415">
                  <c:v>-3081902.0568304099</c:v>
                </c:pt>
                <c:pt idx="4416">
                  <c:v>-3081755.48667672</c:v>
                </c:pt>
                <c:pt idx="4417">
                  <c:v>-3052170.1671328899</c:v>
                </c:pt>
                <c:pt idx="4418">
                  <c:v>-3049933.0043849298</c:v>
                </c:pt>
                <c:pt idx="4419">
                  <c:v>-3029325.71002624</c:v>
                </c:pt>
                <c:pt idx="4420">
                  <c:v>-3027690.2092980798</c:v>
                </c:pt>
                <c:pt idx="4421">
                  <c:v>-3069346.28262243</c:v>
                </c:pt>
                <c:pt idx="4422">
                  <c:v>-3068791.4940740401</c:v>
                </c:pt>
                <c:pt idx="4423">
                  <c:v>-3064650.6523691998</c:v>
                </c:pt>
                <c:pt idx="4424">
                  <c:v>-3062347.9217629801</c:v>
                </c:pt>
                <c:pt idx="4425">
                  <c:v>-3070728.92522946</c:v>
                </c:pt>
                <c:pt idx="4426">
                  <c:v>-3035416.53086058</c:v>
                </c:pt>
                <c:pt idx="4427">
                  <c:v>-3031735.1653071502</c:v>
                </c:pt>
                <c:pt idx="4428">
                  <c:v>-3035736.0972698098</c:v>
                </c:pt>
                <c:pt idx="4429">
                  <c:v>-3024836.4722821</c:v>
                </c:pt>
                <c:pt idx="4430">
                  <c:v>-3047821.0451817201</c:v>
                </c:pt>
                <c:pt idx="4431">
                  <c:v>-3036205.6802101699</c:v>
                </c:pt>
                <c:pt idx="4432">
                  <c:v>-3041297.04722588</c:v>
                </c:pt>
                <c:pt idx="4433">
                  <c:v>-3041097.2824371499</c:v>
                </c:pt>
                <c:pt idx="4434">
                  <c:v>-3047779.38597045</c:v>
                </c:pt>
                <c:pt idx="4435">
                  <c:v>-3060738.3845945699</c:v>
                </c:pt>
                <c:pt idx="4436">
                  <c:v>-3056082.3970255</c:v>
                </c:pt>
                <c:pt idx="4437">
                  <c:v>-3129154.0272536799</c:v>
                </c:pt>
                <c:pt idx="4438">
                  <c:v>-3132443.2956639398</c:v>
                </c:pt>
                <c:pt idx="4439">
                  <c:v>-3092456.9480911102</c:v>
                </c:pt>
                <c:pt idx="4440">
                  <c:v>-3092556.31907662</c:v>
                </c:pt>
                <c:pt idx="4441">
                  <c:v>-3108229.44896816</c:v>
                </c:pt>
                <c:pt idx="4442">
                  <c:v>-3115628.5874403599</c:v>
                </c:pt>
                <c:pt idx="4443">
                  <c:v>-3113031.72945636</c:v>
                </c:pt>
                <c:pt idx="4444">
                  <c:v>-3109401.4676210098</c:v>
                </c:pt>
                <c:pt idx="4445">
                  <c:v>-3127656.1358352201</c:v>
                </c:pt>
                <c:pt idx="4446">
                  <c:v>-3123079.9865593798</c:v>
                </c:pt>
                <c:pt idx="4447">
                  <c:v>-3115779.9834901202</c:v>
                </c:pt>
                <c:pt idx="4448">
                  <c:v>-3127804.6322112102</c:v>
                </c:pt>
                <c:pt idx="4449">
                  <c:v>-3125161.5083606299</c:v>
                </c:pt>
                <c:pt idx="4450">
                  <c:v>-3102388.7969396999</c:v>
                </c:pt>
                <c:pt idx="4451">
                  <c:v>-3093416.41595635</c:v>
                </c:pt>
                <c:pt idx="4452">
                  <c:v>-3075329.28154185</c:v>
                </c:pt>
                <c:pt idx="4453">
                  <c:v>-3062699.232595</c:v>
                </c:pt>
                <c:pt idx="4454">
                  <c:v>-3042185.9441319099</c:v>
                </c:pt>
                <c:pt idx="4455">
                  <c:v>-3039101.9998612702</c:v>
                </c:pt>
                <c:pt idx="4456">
                  <c:v>-3037726.6129479799</c:v>
                </c:pt>
                <c:pt idx="4457">
                  <c:v>-3045935.7184947301</c:v>
                </c:pt>
                <c:pt idx="4458">
                  <c:v>-3043792.89927147</c:v>
                </c:pt>
                <c:pt idx="4459">
                  <c:v>-3045102.49959245</c:v>
                </c:pt>
                <c:pt idx="4460">
                  <c:v>-3051759.9818659401</c:v>
                </c:pt>
                <c:pt idx="4461">
                  <c:v>-3051629.2875451902</c:v>
                </c:pt>
                <c:pt idx="4462">
                  <c:v>-3048026.9287351999</c:v>
                </c:pt>
                <c:pt idx="4463">
                  <c:v>-3048324.28951929</c:v>
                </c:pt>
                <c:pt idx="4464">
                  <c:v>-3063438.2534643998</c:v>
                </c:pt>
                <c:pt idx="4465">
                  <c:v>-3055845.62603543</c:v>
                </c:pt>
                <c:pt idx="4466">
                  <c:v>-3045353.8682474298</c:v>
                </c:pt>
                <c:pt idx="4467">
                  <c:v>-3025041.4370796699</c:v>
                </c:pt>
                <c:pt idx="4468">
                  <c:v>-3041885.8468882898</c:v>
                </c:pt>
                <c:pt idx="4469">
                  <c:v>-3043743.0841363799</c:v>
                </c:pt>
                <c:pt idx="4470">
                  <c:v>-3023081.6688151401</c:v>
                </c:pt>
                <c:pt idx="4471">
                  <c:v>-3012463.3854354299</c:v>
                </c:pt>
                <c:pt idx="4472">
                  <c:v>-3007649.4690273702</c:v>
                </c:pt>
                <c:pt idx="4473">
                  <c:v>-3008826.6907187002</c:v>
                </c:pt>
                <c:pt idx="4474">
                  <c:v>-3044451.2821153998</c:v>
                </c:pt>
                <c:pt idx="4475">
                  <c:v>-3042514.6925037699</c:v>
                </c:pt>
                <c:pt idx="4476">
                  <c:v>-3048961.8026863402</c:v>
                </c:pt>
                <c:pt idx="4477">
                  <c:v>-3049377.0482559698</c:v>
                </c:pt>
                <c:pt idx="4478">
                  <c:v>-3077371.23528289</c:v>
                </c:pt>
                <c:pt idx="4479">
                  <c:v>-3038134.1532603698</c:v>
                </c:pt>
                <c:pt idx="4480">
                  <c:v>-3020834.76275932</c:v>
                </c:pt>
                <c:pt idx="4481">
                  <c:v>-3029385.6158326301</c:v>
                </c:pt>
                <c:pt idx="4482">
                  <c:v>-3033928.6627266002</c:v>
                </c:pt>
                <c:pt idx="4483">
                  <c:v>-3013722.81353442</c:v>
                </c:pt>
                <c:pt idx="4484">
                  <c:v>-3020649.8920208798</c:v>
                </c:pt>
                <c:pt idx="4485">
                  <c:v>-3019830.4568941402</c:v>
                </c:pt>
                <c:pt idx="4486">
                  <c:v>-3028496.9561445899</c:v>
                </c:pt>
                <c:pt idx="4487">
                  <c:v>-3024980.9692166001</c:v>
                </c:pt>
                <c:pt idx="4488">
                  <c:v>-3035635.2224751501</c:v>
                </c:pt>
                <c:pt idx="4489">
                  <c:v>-3065996.3586799102</c:v>
                </c:pt>
                <c:pt idx="4490">
                  <c:v>-3063968.06756928</c:v>
                </c:pt>
                <c:pt idx="4491">
                  <c:v>-3061425.3566980702</c:v>
                </c:pt>
                <c:pt idx="4492">
                  <c:v>-3087605.0197029999</c:v>
                </c:pt>
                <c:pt idx="4493">
                  <c:v>-3070571.1139622498</c:v>
                </c:pt>
                <c:pt idx="4494">
                  <c:v>-3069941.8753469801</c:v>
                </c:pt>
                <c:pt idx="4495">
                  <c:v>-3057772.0087608001</c:v>
                </c:pt>
                <c:pt idx="4496">
                  <c:v>-3069858.9604066699</c:v>
                </c:pt>
                <c:pt idx="4497">
                  <c:v>-3079700.09566702</c:v>
                </c:pt>
                <c:pt idx="4498">
                  <c:v>-3076460.4358966602</c:v>
                </c:pt>
                <c:pt idx="4499">
                  <c:v>-3103301.8491038401</c:v>
                </c:pt>
                <c:pt idx="4500">
                  <c:v>-3107115.1458296701</c:v>
                </c:pt>
                <c:pt idx="4501">
                  <c:v>-3108426.1286828499</c:v>
                </c:pt>
                <c:pt idx="4502">
                  <c:v>-3106228.1687558298</c:v>
                </c:pt>
                <c:pt idx="4503">
                  <c:v>-3099459.1892475002</c:v>
                </c:pt>
                <c:pt idx="4504">
                  <c:v>-3077946.9274962302</c:v>
                </c:pt>
                <c:pt idx="4505">
                  <c:v>-3083445.1016309499</c:v>
                </c:pt>
                <c:pt idx="4506">
                  <c:v>-3064303.26321375</c:v>
                </c:pt>
                <c:pt idx="4507">
                  <c:v>-3059995.74879626</c:v>
                </c:pt>
                <c:pt idx="4508">
                  <c:v>-3025529.00873682</c:v>
                </c:pt>
                <c:pt idx="4509">
                  <c:v>-3006306.4894407</c:v>
                </c:pt>
                <c:pt idx="4510">
                  <c:v>-3013619.9228381002</c:v>
                </c:pt>
                <c:pt idx="4511">
                  <c:v>-3016403.50529772</c:v>
                </c:pt>
                <c:pt idx="4512">
                  <c:v>-3031256.6360328798</c:v>
                </c:pt>
                <c:pt idx="4513">
                  <c:v>-3039244.4475623602</c:v>
                </c:pt>
                <c:pt idx="4514">
                  <c:v>-3058034.8611892899</c:v>
                </c:pt>
                <c:pt idx="4515">
                  <c:v>-3073820.4996648901</c:v>
                </c:pt>
                <c:pt idx="4516">
                  <c:v>-3046316.3001506501</c:v>
                </c:pt>
                <c:pt idx="4517">
                  <c:v>-3059252.0754411998</c:v>
                </c:pt>
                <c:pt idx="4518">
                  <c:v>-3046248.8027571398</c:v>
                </c:pt>
                <c:pt idx="4519">
                  <c:v>-3021658.17411198</c:v>
                </c:pt>
                <c:pt idx="4520">
                  <c:v>-3020117.0640120902</c:v>
                </c:pt>
                <c:pt idx="4521">
                  <c:v>-3029996.8854751801</c:v>
                </c:pt>
                <c:pt idx="4522">
                  <c:v>-3018243.3158141398</c:v>
                </c:pt>
                <c:pt idx="4523">
                  <c:v>-3017647.7195044602</c:v>
                </c:pt>
                <c:pt idx="4524">
                  <c:v>-3001755.6255103601</c:v>
                </c:pt>
                <c:pt idx="4525">
                  <c:v>-3001983.6692272099</c:v>
                </c:pt>
                <c:pt idx="4526">
                  <c:v>-2993631.1142540402</c:v>
                </c:pt>
                <c:pt idx="4527">
                  <c:v>-3002321.2190393098</c:v>
                </c:pt>
                <c:pt idx="4528">
                  <c:v>-3005583.0439979699</c:v>
                </c:pt>
                <c:pt idx="4529">
                  <c:v>-2988319.5520670498</c:v>
                </c:pt>
                <c:pt idx="4530">
                  <c:v>-2986890.6864643502</c:v>
                </c:pt>
                <c:pt idx="4531">
                  <c:v>-2975356.4073432302</c:v>
                </c:pt>
                <c:pt idx="4532">
                  <c:v>-2982441.4886167799</c:v>
                </c:pt>
                <c:pt idx="4533">
                  <c:v>-2979999.0502546602</c:v>
                </c:pt>
                <c:pt idx="4534">
                  <c:v>-2970042.97370499</c:v>
                </c:pt>
                <c:pt idx="4535">
                  <c:v>-2968097.7360914801</c:v>
                </c:pt>
                <c:pt idx="4536">
                  <c:v>-2984396.3655963498</c:v>
                </c:pt>
                <c:pt idx="4537">
                  <c:v>-2980726.6020240099</c:v>
                </c:pt>
                <c:pt idx="4538">
                  <c:v>-2955997.2098439801</c:v>
                </c:pt>
                <c:pt idx="4539">
                  <c:v>-2968023.8207692001</c:v>
                </c:pt>
                <c:pt idx="4540">
                  <c:v>-2945809.7670898</c:v>
                </c:pt>
                <c:pt idx="4541">
                  <c:v>-2961609.6365696299</c:v>
                </c:pt>
                <c:pt idx="4542">
                  <c:v>-2960191.9675218598</c:v>
                </c:pt>
                <c:pt idx="4543">
                  <c:v>-2956311.03404572</c:v>
                </c:pt>
                <c:pt idx="4544">
                  <c:v>-2963578.7174944798</c:v>
                </c:pt>
                <c:pt idx="4545">
                  <c:v>-2963086.2509890702</c:v>
                </c:pt>
                <c:pt idx="4546">
                  <c:v>-2964828.7276543099</c:v>
                </c:pt>
                <c:pt idx="4547">
                  <c:v>-2948372.5821851999</c:v>
                </c:pt>
                <c:pt idx="4548">
                  <c:v>-2951125.0670042601</c:v>
                </c:pt>
                <c:pt idx="4549">
                  <c:v>-2955016.1158236298</c:v>
                </c:pt>
                <c:pt idx="4550">
                  <c:v>-2912842.8838099102</c:v>
                </c:pt>
                <c:pt idx="4551">
                  <c:v>-2935458.5831937199</c:v>
                </c:pt>
                <c:pt idx="4552">
                  <c:v>-2935027.2381127998</c:v>
                </c:pt>
                <c:pt idx="4553">
                  <c:v>-2933721.1991380798</c:v>
                </c:pt>
                <c:pt idx="4554">
                  <c:v>-2924109.9654332502</c:v>
                </c:pt>
                <c:pt idx="4555">
                  <c:v>-2932125.1774148401</c:v>
                </c:pt>
                <c:pt idx="4556">
                  <c:v>-2884025.3521799902</c:v>
                </c:pt>
                <c:pt idx="4557">
                  <c:v>-2876697.2085410901</c:v>
                </c:pt>
                <c:pt idx="4558">
                  <c:v>-2875000.1268977998</c:v>
                </c:pt>
                <c:pt idx="4559">
                  <c:v>-2896951.9198153</c:v>
                </c:pt>
                <c:pt idx="4560">
                  <c:v>-2896365.9279319402</c:v>
                </c:pt>
                <c:pt idx="4561">
                  <c:v>-2880225.3133352702</c:v>
                </c:pt>
                <c:pt idx="4562">
                  <c:v>-2858185.3497303799</c:v>
                </c:pt>
                <c:pt idx="4563">
                  <c:v>-2858774.50121541</c:v>
                </c:pt>
                <c:pt idx="4564">
                  <c:v>-2858950.07471612</c:v>
                </c:pt>
                <c:pt idx="4565">
                  <c:v>-2860174.91351465</c:v>
                </c:pt>
                <c:pt idx="4566">
                  <c:v>-2872927.6326760198</c:v>
                </c:pt>
                <c:pt idx="4567">
                  <c:v>-2877890.45868401</c:v>
                </c:pt>
                <c:pt idx="4568">
                  <c:v>-2901290.87116963</c:v>
                </c:pt>
                <c:pt idx="4569">
                  <c:v>-2892321.4557237201</c:v>
                </c:pt>
                <c:pt idx="4570">
                  <c:v>-2882517.0512384302</c:v>
                </c:pt>
                <c:pt idx="4571">
                  <c:v>-2882501.9182665502</c:v>
                </c:pt>
                <c:pt idx="4572">
                  <c:v>-2894122.8770826198</c:v>
                </c:pt>
                <c:pt idx="4573">
                  <c:v>-2875064.91320149</c:v>
                </c:pt>
                <c:pt idx="4574">
                  <c:v>-2883272.20749739</c:v>
                </c:pt>
                <c:pt idx="4575">
                  <c:v>-2897797.3516357299</c:v>
                </c:pt>
                <c:pt idx="4576">
                  <c:v>-2897995.0986552099</c:v>
                </c:pt>
                <c:pt idx="4577">
                  <c:v>-2914002.95069593</c:v>
                </c:pt>
                <c:pt idx="4578">
                  <c:v>-2907567.5339691499</c:v>
                </c:pt>
                <c:pt idx="4579">
                  <c:v>-2911295.02699003</c:v>
                </c:pt>
                <c:pt idx="4580">
                  <c:v>-2889366.6079249899</c:v>
                </c:pt>
                <c:pt idx="4581">
                  <c:v>-2883807.32227888</c:v>
                </c:pt>
                <c:pt idx="4582">
                  <c:v>-2878904.9366585002</c:v>
                </c:pt>
                <c:pt idx="4583">
                  <c:v>-2888845.62702758</c:v>
                </c:pt>
                <c:pt idx="4584">
                  <c:v>-2902057.38058171</c:v>
                </c:pt>
                <c:pt idx="4585">
                  <c:v>-2861298.6806689198</c:v>
                </c:pt>
                <c:pt idx="4586">
                  <c:v>-2857955.2845100299</c:v>
                </c:pt>
                <c:pt idx="4587">
                  <c:v>-2858024.2833863902</c:v>
                </c:pt>
                <c:pt idx="4588">
                  <c:v>-2863832.32173722</c:v>
                </c:pt>
                <c:pt idx="4589">
                  <c:v>-2868606.19653248</c:v>
                </c:pt>
                <c:pt idx="4590">
                  <c:v>-2881423.23560711</c:v>
                </c:pt>
                <c:pt idx="4591">
                  <c:v>-2881423.23560711</c:v>
                </c:pt>
                <c:pt idx="4592">
                  <c:v>-2884119.2879298502</c:v>
                </c:pt>
                <c:pt idx="4593">
                  <c:v>-2906563.3646281599</c:v>
                </c:pt>
                <c:pt idx="4594">
                  <c:v>-2901652.18666742</c:v>
                </c:pt>
                <c:pt idx="4595">
                  <c:v>-2900775.1632751101</c:v>
                </c:pt>
                <c:pt idx="4596">
                  <c:v>-2914217.0252353102</c:v>
                </c:pt>
                <c:pt idx="4597">
                  <c:v>-2919895.10350538</c:v>
                </c:pt>
                <c:pt idx="4598">
                  <c:v>-2923430.3009316502</c:v>
                </c:pt>
                <c:pt idx="4599">
                  <c:v>-2924038.5521164602</c:v>
                </c:pt>
                <c:pt idx="4600">
                  <c:v>-2916397.4359389399</c:v>
                </c:pt>
                <c:pt idx="4601">
                  <c:v>-2929842.87169143</c:v>
                </c:pt>
                <c:pt idx="4602">
                  <c:v>-2924312.3676146199</c:v>
                </c:pt>
                <c:pt idx="4603">
                  <c:v>-2921792.2169980402</c:v>
                </c:pt>
                <c:pt idx="4604">
                  <c:v>-2921172.6524162502</c:v>
                </c:pt>
                <c:pt idx="4605">
                  <c:v>-2913868.00169132</c:v>
                </c:pt>
                <c:pt idx="4606">
                  <c:v>-2917375.08821961</c:v>
                </c:pt>
                <c:pt idx="4607">
                  <c:v>-2921049.5967383399</c:v>
                </c:pt>
                <c:pt idx="4608">
                  <c:v>-2912442.0447112601</c:v>
                </c:pt>
                <c:pt idx="4609">
                  <c:v>-2919336.9709399701</c:v>
                </c:pt>
                <c:pt idx="4610">
                  <c:v>-2918423.3050384</c:v>
                </c:pt>
                <c:pt idx="4611">
                  <c:v>-2916939.5056389901</c:v>
                </c:pt>
                <c:pt idx="4612">
                  <c:v>-2900252.8264843598</c:v>
                </c:pt>
                <c:pt idx="4613">
                  <c:v>-2891088.0567184999</c:v>
                </c:pt>
                <c:pt idx="4614">
                  <c:v>-2885197.2994663301</c:v>
                </c:pt>
                <c:pt idx="4615">
                  <c:v>-2872080.9997873101</c:v>
                </c:pt>
                <c:pt idx="4616">
                  <c:v>-2874215.9966313899</c:v>
                </c:pt>
                <c:pt idx="4617">
                  <c:v>-2868009.0699140802</c:v>
                </c:pt>
                <c:pt idx="4618">
                  <c:v>-2867317.4703182201</c:v>
                </c:pt>
                <c:pt idx="4619">
                  <c:v>-2850961.52980243</c:v>
                </c:pt>
                <c:pt idx="4620">
                  <c:v>-2857021.9516271702</c:v>
                </c:pt>
                <c:pt idx="4621">
                  <c:v>-2857021.9516271702</c:v>
                </c:pt>
                <c:pt idx="4622">
                  <c:v>-2839457.48806705</c:v>
                </c:pt>
                <c:pt idx="4623">
                  <c:v>-2851608.8793621999</c:v>
                </c:pt>
                <c:pt idx="4624">
                  <c:v>-2859753.2356360401</c:v>
                </c:pt>
                <c:pt idx="4625">
                  <c:v>-2855955.1083516702</c:v>
                </c:pt>
                <c:pt idx="4626">
                  <c:v>-2854117.5168352202</c:v>
                </c:pt>
                <c:pt idx="4627">
                  <c:v>-2867225.0923977401</c:v>
                </c:pt>
                <c:pt idx="4628">
                  <c:v>-2868757.6545856199</c:v>
                </c:pt>
                <c:pt idx="4629">
                  <c:v>-2866216.6122954302</c:v>
                </c:pt>
                <c:pt idx="4630">
                  <c:v>-2875320.2419839501</c:v>
                </c:pt>
                <c:pt idx="4631">
                  <c:v>-2856882.4596448601</c:v>
                </c:pt>
                <c:pt idx="4632">
                  <c:v>-2872293.7919680099</c:v>
                </c:pt>
                <c:pt idx="4633">
                  <c:v>-2875651.7587738</c:v>
                </c:pt>
                <c:pt idx="4634">
                  <c:v>-2872111.9295449001</c:v>
                </c:pt>
                <c:pt idx="4635">
                  <c:v>-2870587.7286302699</c:v>
                </c:pt>
                <c:pt idx="4636">
                  <c:v>-2836128.8555791499</c:v>
                </c:pt>
                <c:pt idx="4637">
                  <c:v>-2840724.6117715202</c:v>
                </c:pt>
                <c:pt idx="4638">
                  <c:v>-2836079.7651201701</c:v>
                </c:pt>
                <c:pt idx="4639">
                  <c:v>-2844787.5075174598</c:v>
                </c:pt>
                <c:pt idx="4640">
                  <c:v>-2822216.1023683599</c:v>
                </c:pt>
                <c:pt idx="4641">
                  <c:v>-2833929.09170416</c:v>
                </c:pt>
                <c:pt idx="4642">
                  <c:v>-2838741.6289768801</c:v>
                </c:pt>
                <c:pt idx="4643">
                  <c:v>-2827352.4299635901</c:v>
                </c:pt>
                <c:pt idx="4644">
                  <c:v>-2823627.9600923499</c:v>
                </c:pt>
                <c:pt idx="4645">
                  <c:v>-2819173.0907950099</c:v>
                </c:pt>
                <c:pt idx="4646">
                  <c:v>-2863389.5033293799</c:v>
                </c:pt>
                <c:pt idx="4647">
                  <c:v>-2863759.22779006</c:v>
                </c:pt>
                <c:pt idx="4648">
                  <c:v>-2858551.5788741801</c:v>
                </c:pt>
                <c:pt idx="4649">
                  <c:v>-2862258.6719454899</c:v>
                </c:pt>
                <c:pt idx="4650">
                  <c:v>-2856813.5501141399</c:v>
                </c:pt>
                <c:pt idx="4651">
                  <c:v>-2855532.5719584902</c:v>
                </c:pt>
                <c:pt idx="4652">
                  <c:v>-2843778.28031277</c:v>
                </c:pt>
                <c:pt idx="4653">
                  <c:v>-2845834.0758280801</c:v>
                </c:pt>
                <c:pt idx="4654">
                  <c:v>-2845834.0758280801</c:v>
                </c:pt>
                <c:pt idx="4655">
                  <c:v>-2871067.1988817202</c:v>
                </c:pt>
                <c:pt idx="4656">
                  <c:v>-2867278.7320428099</c:v>
                </c:pt>
                <c:pt idx="4657">
                  <c:v>-2872806.2516451501</c:v>
                </c:pt>
                <c:pt idx="4658">
                  <c:v>-2823280.5864938898</c:v>
                </c:pt>
                <c:pt idx="4659">
                  <c:v>-2797778.1076036398</c:v>
                </c:pt>
                <c:pt idx="4660">
                  <c:v>-2798977.1021606401</c:v>
                </c:pt>
                <c:pt idx="4661">
                  <c:v>-2798977.1021606401</c:v>
                </c:pt>
                <c:pt idx="4662">
                  <c:v>-2797413.45937555</c:v>
                </c:pt>
                <c:pt idx="4663">
                  <c:v>-2803080.8924978701</c:v>
                </c:pt>
                <c:pt idx="4664">
                  <c:v>-2798815.8070099601</c:v>
                </c:pt>
                <c:pt idx="4665">
                  <c:v>-2798934.23574701</c:v>
                </c:pt>
                <c:pt idx="4666">
                  <c:v>-2793095.5348934801</c:v>
                </c:pt>
                <c:pt idx="4667">
                  <c:v>-2792610.5836866698</c:v>
                </c:pt>
                <c:pt idx="4668">
                  <c:v>-2797909.9653737401</c:v>
                </c:pt>
                <c:pt idx="4669">
                  <c:v>-2776971.2559354198</c:v>
                </c:pt>
                <c:pt idx="4670">
                  <c:v>-2784421.0485701002</c:v>
                </c:pt>
                <c:pt idx="4671">
                  <c:v>-2791931.9532335</c:v>
                </c:pt>
                <c:pt idx="4672">
                  <c:v>-2781597.7230313001</c:v>
                </c:pt>
                <c:pt idx="4673">
                  <c:v>-2771472.84714877</c:v>
                </c:pt>
                <c:pt idx="4674">
                  <c:v>-2775685.3870972702</c:v>
                </c:pt>
                <c:pt idx="4675">
                  <c:v>-2779847.0804749401</c:v>
                </c:pt>
                <c:pt idx="4676">
                  <c:v>-2783552.17219667</c:v>
                </c:pt>
                <c:pt idx="4677">
                  <c:v>-2784384.2822596999</c:v>
                </c:pt>
                <c:pt idx="4678">
                  <c:v>-2809527.8833317501</c:v>
                </c:pt>
                <c:pt idx="4679">
                  <c:v>-2808123.4979413399</c:v>
                </c:pt>
                <c:pt idx="4680">
                  <c:v>-2811944.4465628201</c:v>
                </c:pt>
                <c:pt idx="4681">
                  <c:v>-2810480.6289800098</c:v>
                </c:pt>
                <c:pt idx="4682">
                  <c:v>-2804948.3476070398</c:v>
                </c:pt>
                <c:pt idx="4683">
                  <c:v>-2792926.3591777999</c:v>
                </c:pt>
                <c:pt idx="4684">
                  <c:v>-2790900.6426912802</c:v>
                </c:pt>
                <c:pt idx="4685">
                  <c:v>-2792817.2677331399</c:v>
                </c:pt>
                <c:pt idx="4686">
                  <c:v>-2789888.74042959</c:v>
                </c:pt>
                <c:pt idx="4687">
                  <c:v>-2790639.2872284502</c:v>
                </c:pt>
                <c:pt idx="4688">
                  <c:v>-2787744.9618235799</c:v>
                </c:pt>
                <c:pt idx="4689">
                  <c:v>-2781944.5009618299</c:v>
                </c:pt>
                <c:pt idx="4690">
                  <c:v>-2782470.3715808401</c:v>
                </c:pt>
                <c:pt idx="4691">
                  <c:v>-2776422.9644512399</c:v>
                </c:pt>
                <c:pt idx="4692">
                  <c:v>-2778181.0969015099</c:v>
                </c:pt>
                <c:pt idx="4693">
                  <c:v>-2774692.3126866901</c:v>
                </c:pt>
                <c:pt idx="4694">
                  <c:v>-2784014.2161473799</c:v>
                </c:pt>
                <c:pt idx="4695">
                  <c:v>-2779576.8295839499</c:v>
                </c:pt>
                <c:pt idx="4696">
                  <c:v>-2777243.32198059</c:v>
                </c:pt>
                <c:pt idx="4697">
                  <c:v>-2787531.1097435202</c:v>
                </c:pt>
                <c:pt idx="4698">
                  <c:v>-2813683.83304168</c:v>
                </c:pt>
                <c:pt idx="4699">
                  <c:v>-2815638.3355359202</c:v>
                </c:pt>
                <c:pt idx="4700">
                  <c:v>-2801010.4176447098</c:v>
                </c:pt>
                <c:pt idx="4701">
                  <c:v>-2799229.5648506298</c:v>
                </c:pt>
                <c:pt idx="4702">
                  <c:v>-2813278.8013150399</c:v>
                </c:pt>
                <c:pt idx="4703">
                  <c:v>-2814181.0277666501</c:v>
                </c:pt>
                <c:pt idx="4704">
                  <c:v>-2818281.7411463601</c:v>
                </c:pt>
                <c:pt idx="4705">
                  <c:v>-2808498.34005138</c:v>
                </c:pt>
                <c:pt idx="4706">
                  <c:v>-2811711.4909141501</c:v>
                </c:pt>
                <c:pt idx="4707">
                  <c:v>-2810572.63935212</c:v>
                </c:pt>
                <c:pt idx="4708">
                  <c:v>-2794895.2520635799</c:v>
                </c:pt>
                <c:pt idx="4709">
                  <c:v>-2800373.7108966601</c:v>
                </c:pt>
                <c:pt idx="4710">
                  <c:v>-2792085.2556987102</c:v>
                </c:pt>
                <c:pt idx="4711">
                  <c:v>-2790665.7239983599</c:v>
                </c:pt>
                <c:pt idx="4712">
                  <c:v>-2798030.5784741701</c:v>
                </c:pt>
                <c:pt idx="4713">
                  <c:v>-2795380.2887099599</c:v>
                </c:pt>
                <c:pt idx="4714">
                  <c:v>-2767293.00034134</c:v>
                </c:pt>
                <c:pt idx="4715">
                  <c:v>-2786484.5374081498</c:v>
                </c:pt>
                <c:pt idx="4716">
                  <c:v>-2749127.6192982998</c:v>
                </c:pt>
                <c:pt idx="4717">
                  <c:v>-2753611.7257008399</c:v>
                </c:pt>
                <c:pt idx="4718">
                  <c:v>-2751149.7741591702</c:v>
                </c:pt>
                <c:pt idx="4719">
                  <c:v>-2739687.9159976798</c:v>
                </c:pt>
                <c:pt idx="4720">
                  <c:v>-2741113.6163577498</c:v>
                </c:pt>
                <c:pt idx="4721">
                  <c:v>-2741682.4515409898</c:v>
                </c:pt>
                <c:pt idx="4722">
                  <c:v>-2734070.60309069</c:v>
                </c:pt>
                <c:pt idx="4723">
                  <c:v>-2733399.6298493599</c:v>
                </c:pt>
                <c:pt idx="4724">
                  <c:v>-2749280.34453705</c:v>
                </c:pt>
                <c:pt idx="4725">
                  <c:v>-2735223.2082671202</c:v>
                </c:pt>
                <c:pt idx="4726">
                  <c:v>-2709387.5011100499</c:v>
                </c:pt>
                <c:pt idx="4727">
                  <c:v>-2709295.70362033</c:v>
                </c:pt>
                <c:pt idx="4728">
                  <c:v>-2702001.4005501899</c:v>
                </c:pt>
                <c:pt idx="4729">
                  <c:v>-2688527.4748424599</c:v>
                </c:pt>
                <c:pt idx="4730">
                  <c:v>-2670357.67838145</c:v>
                </c:pt>
                <c:pt idx="4731">
                  <c:v>-2676399.9847713602</c:v>
                </c:pt>
                <c:pt idx="4732">
                  <c:v>-2700704.50235835</c:v>
                </c:pt>
                <c:pt idx="4733">
                  <c:v>-2699107.57522613</c:v>
                </c:pt>
                <c:pt idx="4734">
                  <c:v>-2703448.5168132898</c:v>
                </c:pt>
                <c:pt idx="4735">
                  <c:v>-2710853.9831552599</c:v>
                </c:pt>
                <c:pt idx="4736">
                  <c:v>-2710853.9831552599</c:v>
                </c:pt>
                <c:pt idx="4737">
                  <c:v>-2703212.8186032502</c:v>
                </c:pt>
                <c:pt idx="4738">
                  <c:v>-2697466.18113265</c:v>
                </c:pt>
                <c:pt idx="4739">
                  <c:v>-2654338.1874079201</c:v>
                </c:pt>
                <c:pt idx="4740">
                  <c:v>-2639275.42266784</c:v>
                </c:pt>
                <c:pt idx="4741">
                  <c:v>-2623115.4794377</c:v>
                </c:pt>
                <c:pt idx="4742">
                  <c:v>-2623515.9198407</c:v>
                </c:pt>
                <c:pt idx="4743">
                  <c:v>-2627484.1860520998</c:v>
                </c:pt>
                <c:pt idx="4744">
                  <c:v>-2664936.59049768</c:v>
                </c:pt>
                <c:pt idx="4745">
                  <c:v>-2674639.3705122401</c:v>
                </c:pt>
                <c:pt idx="4746">
                  <c:v>-2685544.0656168601</c:v>
                </c:pt>
                <c:pt idx="4747">
                  <c:v>-2645409.7234013099</c:v>
                </c:pt>
                <c:pt idx="4748">
                  <c:v>-2646874.2013051002</c:v>
                </c:pt>
                <c:pt idx="4749">
                  <c:v>-2636831.66149092</c:v>
                </c:pt>
                <c:pt idx="4750">
                  <c:v>-2642659.7398626702</c:v>
                </c:pt>
                <c:pt idx="4751">
                  <c:v>-2669505.7290447801</c:v>
                </c:pt>
                <c:pt idx="4752">
                  <c:v>-2663891.3279672102</c:v>
                </c:pt>
                <c:pt idx="4753">
                  <c:v>-2669497.63047024</c:v>
                </c:pt>
                <c:pt idx="4754">
                  <c:v>-2670533.2759258598</c:v>
                </c:pt>
                <c:pt idx="4755">
                  <c:v>-2653939.7927975999</c:v>
                </c:pt>
                <c:pt idx="4756">
                  <c:v>-2654638.1891079298</c:v>
                </c:pt>
                <c:pt idx="4757">
                  <c:v>-2689863.1628343202</c:v>
                </c:pt>
                <c:pt idx="4758">
                  <c:v>-2671027.1619426901</c:v>
                </c:pt>
                <c:pt idx="4759">
                  <c:v>-2663494.1315296302</c:v>
                </c:pt>
                <c:pt idx="4760">
                  <c:v>-2668772.1776723699</c:v>
                </c:pt>
                <c:pt idx="4761">
                  <c:v>-2678406.4459285</c:v>
                </c:pt>
                <c:pt idx="4762">
                  <c:v>-2671841.0509329201</c:v>
                </c:pt>
                <c:pt idx="4763">
                  <c:v>-2701971.7462386601</c:v>
                </c:pt>
                <c:pt idx="4764">
                  <c:v>-2713431.8469420802</c:v>
                </c:pt>
                <c:pt idx="4765">
                  <c:v>-2759611.0502197202</c:v>
                </c:pt>
                <c:pt idx="4766">
                  <c:v>-2688555.8078822601</c:v>
                </c:pt>
                <c:pt idx="4767">
                  <c:v>-2694191.9310666602</c:v>
                </c:pt>
                <c:pt idx="4768">
                  <c:v>-2688349.22470938</c:v>
                </c:pt>
                <c:pt idx="4769">
                  <c:v>-2684066.4586489</c:v>
                </c:pt>
                <c:pt idx="4770">
                  <c:v>-2678497.1087122299</c:v>
                </c:pt>
                <c:pt idx="4771">
                  <c:v>-2669576.3750070999</c:v>
                </c:pt>
                <c:pt idx="4772">
                  <c:v>-2667911.4779046499</c:v>
                </c:pt>
                <c:pt idx="4773">
                  <c:v>-2652987.9044015799</c:v>
                </c:pt>
                <c:pt idx="4774">
                  <c:v>-2652357.1644564001</c:v>
                </c:pt>
                <c:pt idx="4775">
                  <c:v>-2647734.38433254</c:v>
                </c:pt>
                <c:pt idx="4776">
                  <c:v>-2640454.7199009601</c:v>
                </c:pt>
                <c:pt idx="4777">
                  <c:v>-2637900.5369697502</c:v>
                </c:pt>
                <c:pt idx="4778">
                  <c:v>-2629225.3998165498</c:v>
                </c:pt>
                <c:pt idx="4779">
                  <c:v>-2617754.2741108001</c:v>
                </c:pt>
                <c:pt idx="4780">
                  <c:v>-2594609.50311802</c:v>
                </c:pt>
                <c:pt idx="4781">
                  <c:v>-2588004.2066280101</c:v>
                </c:pt>
                <c:pt idx="4782">
                  <c:v>-2586037.8637625002</c:v>
                </c:pt>
                <c:pt idx="4783">
                  <c:v>-2597048.85152232</c:v>
                </c:pt>
                <c:pt idx="4784">
                  <c:v>-2576036.5432899501</c:v>
                </c:pt>
                <c:pt idx="4785">
                  <c:v>-2568316.92730889</c:v>
                </c:pt>
                <c:pt idx="4786">
                  <c:v>-2553425.5648889202</c:v>
                </c:pt>
                <c:pt idx="4787">
                  <c:v>-2559101.2096344102</c:v>
                </c:pt>
                <c:pt idx="4788">
                  <c:v>-2566085.5343467798</c:v>
                </c:pt>
                <c:pt idx="4789">
                  <c:v>-2547270.4648675499</c:v>
                </c:pt>
                <c:pt idx="4790">
                  <c:v>-2554690.1911921399</c:v>
                </c:pt>
                <c:pt idx="4791">
                  <c:v>-2552456.0232951399</c:v>
                </c:pt>
                <c:pt idx="4792">
                  <c:v>-2549686.9363751402</c:v>
                </c:pt>
                <c:pt idx="4793">
                  <c:v>-2554924.4434401202</c:v>
                </c:pt>
                <c:pt idx="4794">
                  <c:v>-2549166.16777262</c:v>
                </c:pt>
                <c:pt idx="4795">
                  <c:v>-2542441.3255080902</c:v>
                </c:pt>
                <c:pt idx="4796">
                  <c:v>-2541045.7544140401</c:v>
                </c:pt>
                <c:pt idx="4797">
                  <c:v>-2535837.2034241902</c:v>
                </c:pt>
                <c:pt idx="4798">
                  <c:v>-2532388.2634588801</c:v>
                </c:pt>
                <c:pt idx="4799">
                  <c:v>-2529810.6871547098</c:v>
                </c:pt>
                <c:pt idx="4800">
                  <c:v>-2537852.8769973698</c:v>
                </c:pt>
                <c:pt idx="4801">
                  <c:v>-2542630.6831188998</c:v>
                </c:pt>
                <c:pt idx="4802">
                  <c:v>-2542630.6831188998</c:v>
                </c:pt>
                <c:pt idx="4803">
                  <c:v>-2534420.1945780399</c:v>
                </c:pt>
                <c:pt idx="4804">
                  <c:v>-2527912.4468697901</c:v>
                </c:pt>
                <c:pt idx="4805">
                  <c:v>-2528349.0762473699</c:v>
                </c:pt>
                <c:pt idx="4806">
                  <c:v>-2527178.3187965401</c:v>
                </c:pt>
                <c:pt idx="4807">
                  <c:v>-2534526.1157139</c:v>
                </c:pt>
                <c:pt idx="4808">
                  <c:v>-2528597.0977001302</c:v>
                </c:pt>
                <c:pt idx="4809">
                  <c:v>-2529177.9905770202</c:v>
                </c:pt>
                <c:pt idx="4810">
                  <c:v>-2528559.9211158399</c:v>
                </c:pt>
                <c:pt idx="4811">
                  <c:v>-2530995.1785741602</c:v>
                </c:pt>
                <c:pt idx="4812">
                  <c:v>-2520103.46363822</c:v>
                </c:pt>
                <c:pt idx="4813">
                  <c:v>-2539535.3158048498</c:v>
                </c:pt>
                <c:pt idx="4814">
                  <c:v>-2532374.1314922799</c:v>
                </c:pt>
                <c:pt idx="4815">
                  <c:v>-2534528.6202085</c:v>
                </c:pt>
                <c:pt idx="4816">
                  <c:v>-2525233.5355649898</c:v>
                </c:pt>
                <c:pt idx="4817">
                  <c:v>-2520534.7249913402</c:v>
                </c:pt>
                <c:pt idx="4818">
                  <c:v>-2508142.2351287198</c:v>
                </c:pt>
                <c:pt idx="4819">
                  <c:v>-2509278.3853037702</c:v>
                </c:pt>
                <c:pt idx="4820">
                  <c:v>-2509937.6734013301</c:v>
                </c:pt>
                <c:pt idx="4821">
                  <c:v>-2514140.0946764699</c:v>
                </c:pt>
                <c:pt idx="4822">
                  <c:v>-2514132.5763173299</c:v>
                </c:pt>
                <c:pt idx="4823">
                  <c:v>-2511445.3536012801</c:v>
                </c:pt>
                <c:pt idx="4824">
                  <c:v>-2513500.2602153802</c:v>
                </c:pt>
                <c:pt idx="4825">
                  <c:v>-2506413.4860258</c:v>
                </c:pt>
                <c:pt idx="4826">
                  <c:v>-2508065.7586001898</c:v>
                </c:pt>
                <c:pt idx="4827">
                  <c:v>-2538382.8402231</c:v>
                </c:pt>
                <c:pt idx="4828">
                  <c:v>-2534845.3473891802</c:v>
                </c:pt>
                <c:pt idx="4829">
                  <c:v>-2529906.7267446201</c:v>
                </c:pt>
                <c:pt idx="4830">
                  <c:v>-2527517.1466239998</c:v>
                </c:pt>
                <c:pt idx="4831">
                  <c:v>-2532531.1316960701</c:v>
                </c:pt>
                <c:pt idx="4832">
                  <c:v>-2532178.6842836598</c:v>
                </c:pt>
                <c:pt idx="4833">
                  <c:v>-2522071.1256083199</c:v>
                </c:pt>
                <c:pt idx="4834">
                  <c:v>-2524120.62216776</c:v>
                </c:pt>
                <c:pt idx="4835">
                  <c:v>-2525699.19736645</c:v>
                </c:pt>
                <c:pt idx="4836">
                  <c:v>-2523658.9493910801</c:v>
                </c:pt>
                <c:pt idx="4837">
                  <c:v>-2508680.2110407101</c:v>
                </c:pt>
                <c:pt idx="4838">
                  <c:v>-2512195.4053229899</c:v>
                </c:pt>
                <c:pt idx="4839">
                  <c:v>-2504726.2710814299</c:v>
                </c:pt>
                <c:pt idx="4840">
                  <c:v>-2502392.8491879399</c:v>
                </c:pt>
                <c:pt idx="4841">
                  <c:v>-2503068.4306354099</c:v>
                </c:pt>
                <c:pt idx="4842">
                  <c:v>-2497536.8619146599</c:v>
                </c:pt>
                <c:pt idx="4843">
                  <c:v>-2488101.2019867902</c:v>
                </c:pt>
                <c:pt idx="4844">
                  <c:v>-2494057.95187421</c:v>
                </c:pt>
                <c:pt idx="4845">
                  <c:v>-2493646.8860415001</c:v>
                </c:pt>
                <c:pt idx="4846">
                  <c:v>-2493917.2561109699</c:v>
                </c:pt>
                <c:pt idx="4847">
                  <c:v>-2510931.7271752302</c:v>
                </c:pt>
                <c:pt idx="4848">
                  <c:v>-2510974.3483766601</c:v>
                </c:pt>
                <c:pt idx="4849">
                  <c:v>-2508432.5736996601</c:v>
                </c:pt>
                <c:pt idx="4850">
                  <c:v>-2517976.7495162799</c:v>
                </c:pt>
                <c:pt idx="4851">
                  <c:v>-2509909.67302112</c:v>
                </c:pt>
                <c:pt idx="4852">
                  <c:v>-2507688.12845643</c:v>
                </c:pt>
                <c:pt idx="4853">
                  <c:v>-2519313.6232460001</c:v>
                </c:pt>
                <c:pt idx="4854">
                  <c:v>-2513166.12328703</c:v>
                </c:pt>
                <c:pt idx="4855">
                  <c:v>-2498227.78699084</c:v>
                </c:pt>
                <c:pt idx="4856">
                  <c:v>-2496773.9878347502</c:v>
                </c:pt>
                <c:pt idx="4857">
                  <c:v>-2511420.7933882801</c:v>
                </c:pt>
                <c:pt idx="4858">
                  <c:v>-2521085.5665824502</c:v>
                </c:pt>
                <c:pt idx="4859">
                  <c:v>-2517247.2645961102</c:v>
                </c:pt>
                <c:pt idx="4860">
                  <c:v>-2510109.3876775899</c:v>
                </c:pt>
                <c:pt idx="4861">
                  <c:v>-2504127.1816550302</c:v>
                </c:pt>
                <c:pt idx="4862">
                  <c:v>-2490738.86187681</c:v>
                </c:pt>
                <c:pt idx="4863">
                  <c:v>-2473473.9294533101</c:v>
                </c:pt>
                <c:pt idx="4864">
                  <c:v>-2458945.90338518</c:v>
                </c:pt>
                <c:pt idx="4865">
                  <c:v>-2464021.9618146401</c:v>
                </c:pt>
                <c:pt idx="4866">
                  <c:v>-2465353.1076548598</c:v>
                </c:pt>
                <c:pt idx="4867">
                  <c:v>-2482708.8076900202</c:v>
                </c:pt>
                <c:pt idx="4868">
                  <c:v>-2489068.9252234199</c:v>
                </c:pt>
                <c:pt idx="4869">
                  <c:v>-2492116.2032542401</c:v>
                </c:pt>
                <c:pt idx="4870">
                  <c:v>-2468293.9601924298</c:v>
                </c:pt>
                <c:pt idx="4871">
                  <c:v>-2468293.9601924298</c:v>
                </c:pt>
                <c:pt idx="4872">
                  <c:v>-2463312.0301979901</c:v>
                </c:pt>
                <c:pt idx="4873">
                  <c:v>-2456111.3872408601</c:v>
                </c:pt>
                <c:pt idx="4874">
                  <c:v>-2452888.6818031198</c:v>
                </c:pt>
                <c:pt idx="4875">
                  <c:v>-2457212.1770557701</c:v>
                </c:pt>
                <c:pt idx="4876">
                  <c:v>-2458617.4501139601</c:v>
                </c:pt>
                <c:pt idx="4877">
                  <c:v>-2464649.4076340999</c:v>
                </c:pt>
                <c:pt idx="4878">
                  <c:v>-2463516.6397270998</c:v>
                </c:pt>
                <c:pt idx="4879">
                  <c:v>-2456936.5114761898</c:v>
                </c:pt>
                <c:pt idx="4880">
                  <c:v>-2450932.7337088101</c:v>
                </c:pt>
                <c:pt idx="4881">
                  <c:v>-2448671.49977325</c:v>
                </c:pt>
                <c:pt idx="4882">
                  <c:v>-2442926.45839652</c:v>
                </c:pt>
                <c:pt idx="4883">
                  <c:v>-2441493.2126914202</c:v>
                </c:pt>
                <c:pt idx="4884">
                  <c:v>-2462900.8583352701</c:v>
                </c:pt>
                <c:pt idx="4885">
                  <c:v>-2469276.7635837402</c:v>
                </c:pt>
                <c:pt idx="4886">
                  <c:v>-2470520.1465516998</c:v>
                </c:pt>
                <c:pt idx="4887">
                  <c:v>-2490009.5348487701</c:v>
                </c:pt>
                <c:pt idx="4888">
                  <c:v>-2524255.5139906299</c:v>
                </c:pt>
                <c:pt idx="4889">
                  <c:v>-2524255.5139906299</c:v>
                </c:pt>
                <c:pt idx="4890">
                  <c:v>-2507165.5323427101</c:v>
                </c:pt>
                <c:pt idx="4891">
                  <c:v>-2479088.3288705898</c:v>
                </c:pt>
                <c:pt idx="4892">
                  <c:v>-2478019.0925113</c:v>
                </c:pt>
                <c:pt idx="4893">
                  <c:v>-2477704.0570497802</c:v>
                </c:pt>
                <c:pt idx="4894">
                  <c:v>-2478889.1476640101</c:v>
                </c:pt>
                <c:pt idx="4895">
                  <c:v>-2477635.74051962</c:v>
                </c:pt>
                <c:pt idx="4896">
                  <c:v>-2465482.8538258402</c:v>
                </c:pt>
                <c:pt idx="4897">
                  <c:v>-2459870.9364803098</c:v>
                </c:pt>
                <c:pt idx="4898">
                  <c:v>-2455711.7069443902</c:v>
                </c:pt>
                <c:pt idx="4899">
                  <c:v>-2457130.4962872998</c:v>
                </c:pt>
                <c:pt idx="4900">
                  <c:v>-2463205.8185767499</c:v>
                </c:pt>
                <c:pt idx="4901">
                  <c:v>-2443555.5599001101</c:v>
                </c:pt>
                <c:pt idx="4902">
                  <c:v>-2439956.9993033302</c:v>
                </c:pt>
                <c:pt idx="4903">
                  <c:v>-2420522.54162833</c:v>
                </c:pt>
                <c:pt idx="4904">
                  <c:v>-2447946.4776531602</c:v>
                </c:pt>
                <c:pt idx="4905">
                  <c:v>-2447751.6068043499</c:v>
                </c:pt>
                <c:pt idx="4906">
                  <c:v>-2437441.1477824501</c:v>
                </c:pt>
                <c:pt idx="4907">
                  <c:v>-2434606.2212512</c:v>
                </c:pt>
                <c:pt idx="4908">
                  <c:v>-2440769.4120100699</c:v>
                </c:pt>
                <c:pt idx="4909">
                  <c:v>-2452523.4672470102</c:v>
                </c:pt>
                <c:pt idx="4910">
                  <c:v>-2445167.53348018</c:v>
                </c:pt>
                <c:pt idx="4911">
                  <c:v>-2445167.53348018</c:v>
                </c:pt>
                <c:pt idx="4912">
                  <c:v>-2438869.4540195102</c:v>
                </c:pt>
                <c:pt idx="4913">
                  <c:v>-2445456.5907822899</c:v>
                </c:pt>
                <c:pt idx="4914">
                  <c:v>-2418481.6127755102</c:v>
                </c:pt>
                <c:pt idx="4915">
                  <c:v>-2433440.6378934798</c:v>
                </c:pt>
                <c:pt idx="4916">
                  <c:v>-2419186.5613966901</c:v>
                </c:pt>
                <c:pt idx="4917">
                  <c:v>-2394465.1370202801</c:v>
                </c:pt>
                <c:pt idx="4918">
                  <c:v>-2401502.7142732101</c:v>
                </c:pt>
                <c:pt idx="4919">
                  <c:v>-2401213.9421142298</c:v>
                </c:pt>
                <c:pt idx="4920">
                  <c:v>-2395309.0093873702</c:v>
                </c:pt>
                <c:pt idx="4921">
                  <c:v>-2390017.2945529101</c:v>
                </c:pt>
                <c:pt idx="4922">
                  <c:v>-2386873.99340177</c:v>
                </c:pt>
                <c:pt idx="4923">
                  <c:v>-2392548.9262578399</c:v>
                </c:pt>
                <c:pt idx="4924">
                  <c:v>-2393586.1191132702</c:v>
                </c:pt>
                <c:pt idx="4925">
                  <c:v>-2392640.5100580398</c:v>
                </c:pt>
                <c:pt idx="4926">
                  <c:v>-2391852.0718870298</c:v>
                </c:pt>
                <c:pt idx="4927">
                  <c:v>-2389021.5890694298</c:v>
                </c:pt>
                <c:pt idx="4928">
                  <c:v>-2390183.9697432001</c:v>
                </c:pt>
                <c:pt idx="4929">
                  <c:v>-2390416.3870522501</c:v>
                </c:pt>
                <c:pt idx="4930">
                  <c:v>-2375483.2446557698</c:v>
                </c:pt>
                <c:pt idx="4931">
                  <c:v>-2384270.7030569599</c:v>
                </c:pt>
                <c:pt idx="4932">
                  <c:v>-2430474.3700538902</c:v>
                </c:pt>
                <c:pt idx="4933">
                  <c:v>-2429474.8196353102</c:v>
                </c:pt>
                <c:pt idx="4934">
                  <c:v>-2428407.8263029801</c:v>
                </c:pt>
                <c:pt idx="4935">
                  <c:v>-2427547.9915054902</c:v>
                </c:pt>
                <c:pt idx="4936">
                  <c:v>-2430039.2835280299</c:v>
                </c:pt>
                <c:pt idx="4937">
                  <c:v>-2452260.1675986</c:v>
                </c:pt>
                <c:pt idx="4938">
                  <c:v>-2458460.9045983902</c:v>
                </c:pt>
                <c:pt idx="4939">
                  <c:v>-2445920.0449686502</c:v>
                </c:pt>
                <c:pt idx="4940">
                  <c:v>-2394564.48951997</c:v>
                </c:pt>
                <c:pt idx="4941">
                  <c:v>-2388720.66659874</c:v>
                </c:pt>
                <c:pt idx="4942">
                  <c:v>-2392103.6596214399</c:v>
                </c:pt>
                <c:pt idx="4943">
                  <c:v>-2389150.9515244998</c:v>
                </c:pt>
                <c:pt idx="4944">
                  <c:v>-2388913.0669018901</c:v>
                </c:pt>
                <c:pt idx="4945">
                  <c:v>-2392743.7648347798</c:v>
                </c:pt>
                <c:pt idx="4946">
                  <c:v>-2392384.81055076</c:v>
                </c:pt>
                <c:pt idx="4947">
                  <c:v>-2390872.12176632</c:v>
                </c:pt>
                <c:pt idx="4948">
                  <c:v>-2405847.2499405998</c:v>
                </c:pt>
                <c:pt idx="4949">
                  <c:v>-2402688.7827334302</c:v>
                </c:pt>
                <c:pt idx="4950">
                  <c:v>-2406842.79923143</c:v>
                </c:pt>
                <c:pt idx="4951">
                  <c:v>-2406471.2342581199</c:v>
                </c:pt>
                <c:pt idx="4952">
                  <c:v>-2405785.0747162402</c:v>
                </c:pt>
                <c:pt idx="4953">
                  <c:v>-2404307.1315678302</c:v>
                </c:pt>
                <c:pt idx="4954">
                  <c:v>-2410012.9617412901</c:v>
                </c:pt>
                <c:pt idx="4955">
                  <c:v>-2411869.0430475902</c:v>
                </c:pt>
                <c:pt idx="4956">
                  <c:v>-2416091.0526051</c:v>
                </c:pt>
                <c:pt idx="4957">
                  <c:v>-2403555.60293293</c:v>
                </c:pt>
                <c:pt idx="4958">
                  <c:v>-2408579.6821022001</c:v>
                </c:pt>
                <c:pt idx="4959">
                  <c:v>-2409525.50300512</c:v>
                </c:pt>
                <c:pt idx="4960">
                  <c:v>-2394651.6051508002</c:v>
                </c:pt>
                <c:pt idx="4961">
                  <c:v>-2395514.0699694199</c:v>
                </c:pt>
                <c:pt idx="4962">
                  <c:v>-2411238.7768268799</c:v>
                </c:pt>
                <c:pt idx="4963">
                  <c:v>-2408340.2166849799</c:v>
                </c:pt>
                <c:pt idx="4964">
                  <c:v>-2369252.1564509301</c:v>
                </c:pt>
                <c:pt idx="4965">
                  <c:v>-2352859.4311962998</c:v>
                </c:pt>
                <c:pt idx="4966">
                  <c:v>-2352859.4311962998</c:v>
                </c:pt>
                <c:pt idx="4967">
                  <c:v>-2352164.9143347498</c:v>
                </c:pt>
                <c:pt idx="4968">
                  <c:v>-2360573.5371979498</c:v>
                </c:pt>
                <c:pt idx="4969">
                  <c:v>-2366213.86678494</c:v>
                </c:pt>
                <c:pt idx="4970">
                  <c:v>-2362866.1520428699</c:v>
                </c:pt>
                <c:pt idx="4971">
                  <c:v>-2366203.7474886701</c:v>
                </c:pt>
                <c:pt idx="4972">
                  <c:v>-2368630.4787449799</c:v>
                </c:pt>
                <c:pt idx="4973">
                  <c:v>-2356614.8430337301</c:v>
                </c:pt>
                <c:pt idx="4974">
                  <c:v>-2355766.9350972599</c:v>
                </c:pt>
                <c:pt idx="4975">
                  <c:v>-2353306.5734480801</c:v>
                </c:pt>
                <c:pt idx="4976">
                  <c:v>-2353410.7851926</c:v>
                </c:pt>
                <c:pt idx="4977">
                  <c:v>-2348346.8154213498</c:v>
                </c:pt>
                <c:pt idx="4978">
                  <c:v>-2363566.0209504999</c:v>
                </c:pt>
                <c:pt idx="4979">
                  <c:v>-2360810.7312414302</c:v>
                </c:pt>
                <c:pt idx="4980">
                  <c:v>-2348954.8396306001</c:v>
                </c:pt>
                <c:pt idx="4981">
                  <c:v>-2330046.9003633</c:v>
                </c:pt>
                <c:pt idx="4982">
                  <c:v>-2334595.7227073601</c:v>
                </c:pt>
                <c:pt idx="4983">
                  <c:v>-2335407.4415511698</c:v>
                </c:pt>
                <c:pt idx="4984">
                  <c:v>-2336423.1898480598</c:v>
                </c:pt>
                <c:pt idx="4985">
                  <c:v>-2331120.1130076898</c:v>
                </c:pt>
                <c:pt idx="4986">
                  <c:v>-2332505.3880556901</c:v>
                </c:pt>
                <c:pt idx="4987">
                  <c:v>-2333429.2962082801</c:v>
                </c:pt>
                <c:pt idx="4988">
                  <c:v>-2339859.0321733798</c:v>
                </c:pt>
                <c:pt idx="4989">
                  <c:v>-2350199.6560885198</c:v>
                </c:pt>
                <c:pt idx="4990">
                  <c:v>-2363655.0239675702</c:v>
                </c:pt>
                <c:pt idx="4991">
                  <c:v>-2366253.8488058001</c:v>
                </c:pt>
                <c:pt idx="4992">
                  <c:v>-2347969.2762737898</c:v>
                </c:pt>
                <c:pt idx="4993">
                  <c:v>-2337563.2216618201</c:v>
                </c:pt>
                <c:pt idx="4994">
                  <c:v>-2325869.4359335499</c:v>
                </c:pt>
                <c:pt idx="4995">
                  <c:v>-2308231.2593204202</c:v>
                </c:pt>
                <c:pt idx="4996">
                  <c:v>-2311438.0229209401</c:v>
                </c:pt>
                <c:pt idx="4997">
                  <c:v>-2363487.44831208</c:v>
                </c:pt>
                <c:pt idx="4998">
                  <c:v>-2389621.6986465198</c:v>
                </c:pt>
                <c:pt idx="4999">
                  <c:v>-2393767.2264892301</c:v>
                </c:pt>
                <c:pt idx="5000">
                  <c:v>-2374682.1661043698</c:v>
                </c:pt>
                <c:pt idx="5001">
                  <c:v>-2371326.3264323398</c:v>
                </c:pt>
                <c:pt idx="5002">
                  <c:v>-2387846.6740479399</c:v>
                </c:pt>
                <c:pt idx="5003">
                  <c:v>-2389200.1466845102</c:v>
                </c:pt>
                <c:pt idx="5004">
                  <c:v>-2398131.8955478901</c:v>
                </c:pt>
                <c:pt idx="5005">
                  <c:v>-2380637.9238478499</c:v>
                </c:pt>
                <c:pt idx="5006">
                  <c:v>-2380637.9238478499</c:v>
                </c:pt>
                <c:pt idx="5007">
                  <c:v>-2372655.7552950601</c:v>
                </c:pt>
                <c:pt idx="5008">
                  <c:v>-2370521.5954507599</c:v>
                </c:pt>
                <c:pt idx="5009">
                  <c:v>-2370521.5954507599</c:v>
                </c:pt>
                <c:pt idx="5010">
                  <c:v>-2381739.60682048</c:v>
                </c:pt>
                <c:pt idx="5011">
                  <c:v>-2381739.60682048</c:v>
                </c:pt>
                <c:pt idx="5012">
                  <c:v>-2381739.60682048</c:v>
                </c:pt>
                <c:pt idx="5013">
                  <c:v>-2384886.8835692802</c:v>
                </c:pt>
                <c:pt idx="5014">
                  <c:v>-2376701.5606688</c:v>
                </c:pt>
                <c:pt idx="5015">
                  <c:v>-2372213.1732115899</c:v>
                </c:pt>
                <c:pt idx="5016">
                  <c:v>-2374639.3092654399</c:v>
                </c:pt>
                <c:pt idx="5017">
                  <c:v>-2371785.6550344699</c:v>
                </c:pt>
                <c:pt idx="5018">
                  <c:v>-2383824.3082176298</c:v>
                </c:pt>
                <c:pt idx="5019">
                  <c:v>-2379778.8301006602</c:v>
                </c:pt>
                <c:pt idx="5020">
                  <c:v>-2381221.9522903999</c:v>
                </c:pt>
                <c:pt idx="5021">
                  <c:v>-2341559.2327853199</c:v>
                </c:pt>
                <c:pt idx="5022">
                  <c:v>-2341535.77724839</c:v>
                </c:pt>
                <c:pt idx="5023">
                  <c:v>-2366716.9446258498</c:v>
                </c:pt>
                <c:pt idx="5024">
                  <c:v>-2367986.82124082</c:v>
                </c:pt>
                <c:pt idx="5025">
                  <c:v>-2365290.35079514</c:v>
                </c:pt>
                <c:pt idx="5026">
                  <c:v>-2356399.5343254399</c:v>
                </c:pt>
                <c:pt idx="5027">
                  <c:v>-2356399.5343254399</c:v>
                </c:pt>
                <c:pt idx="5028">
                  <c:v>-2352083.1610131501</c:v>
                </c:pt>
                <c:pt idx="5029">
                  <c:v>-2350119.9562993702</c:v>
                </c:pt>
                <c:pt idx="5030">
                  <c:v>-2336289.9245765801</c:v>
                </c:pt>
                <c:pt idx="5031">
                  <c:v>-2332003.0209044698</c:v>
                </c:pt>
                <c:pt idx="5032">
                  <c:v>-2333381.6451540501</c:v>
                </c:pt>
                <c:pt idx="5033">
                  <c:v>-2317098.6372450399</c:v>
                </c:pt>
                <c:pt idx="5034">
                  <c:v>-2303717.43381347</c:v>
                </c:pt>
                <c:pt idx="5035">
                  <c:v>-2303717.43381347</c:v>
                </c:pt>
                <c:pt idx="5036">
                  <c:v>-2292791.9521432002</c:v>
                </c:pt>
                <c:pt idx="5037">
                  <c:v>-2293619.8743920601</c:v>
                </c:pt>
                <c:pt idx="5038">
                  <c:v>-2309779.9792625802</c:v>
                </c:pt>
                <c:pt idx="5039">
                  <c:v>-2303837.7726657498</c:v>
                </c:pt>
                <c:pt idx="5040">
                  <c:v>-2311208.18655814</c:v>
                </c:pt>
                <c:pt idx="5041">
                  <c:v>-2295918.57907834</c:v>
                </c:pt>
                <c:pt idx="5042">
                  <c:v>-2301341.6716623502</c:v>
                </c:pt>
                <c:pt idx="5043">
                  <c:v>-2300738.9747476298</c:v>
                </c:pt>
                <c:pt idx="5044">
                  <c:v>-2291206.6676149801</c:v>
                </c:pt>
                <c:pt idx="5045">
                  <c:v>-2293768.60910461</c:v>
                </c:pt>
                <c:pt idx="5046">
                  <c:v>-2297849.0864047399</c:v>
                </c:pt>
                <c:pt idx="5047">
                  <c:v>-2329170.0174520798</c:v>
                </c:pt>
                <c:pt idx="5048">
                  <c:v>-2332761.72014726</c:v>
                </c:pt>
                <c:pt idx="5049">
                  <c:v>-2306644.0099274898</c:v>
                </c:pt>
                <c:pt idx="5050">
                  <c:v>-2298068.7531724898</c:v>
                </c:pt>
                <c:pt idx="5051">
                  <c:v>-2283554.83317021</c:v>
                </c:pt>
                <c:pt idx="5052">
                  <c:v>-2283554.83317021</c:v>
                </c:pt>
                <c:pt idx="5053">
                  <c:v>-2273042.4122874001</c:v>
                </c:pt>
                <c:pt idx="5054">
                  <c:v>-2284246.9574826802</c:v>
                </c:pt>
                <c:pt idx="5055">
                  <c:v>-2284246.9574826802</c:v>
                </c:pt>
                <c:pt idx="5056">
                  <c:v>-2285184.2601749399</c:v>
                </c:pt>
                <c:pt idx="5057">
                  <c:v>-2283802.7534939498</c:v>
                </c:pt>
                <c:pt idx="5058">
                  <c:v>-2273842.7050322299</c:v>
                </c:pt>
                <c:pt idx="5059">
                  <c:v>-2276403.2625481202</c:v>
                </c:pt>
                <c:pt idx="5060">
                  <c:v>-2266580.1974361301</c:v>
                </c:pt>
                <c:pt idx="5061">
                  <c:v>-2264108.3601754098</c:v>
                </c:pt>
                <c:pt idx="5062">
                  <c:v>-2259763.6490031201</c:v>
                </c:pt>
                <c:pt idx="5063">
                  <c:v>-2261453.2737612501</c:v>
                </c:pt>
                <c:pt idx="5064">
                  <c:v>-2260793.50561191</c:v>
                </c:pt>
                <c:pt idx="5065">
                  <c:v>-2249272.0758537701</c:v>
                </c:pt>
                <c:pt idx="5066">
                  <c:v>-2231178.1496748701</c:v>
                </c:pt>
                <c:pt idx="5067">
                  <c:v>-2230048.1382787898</c:v>
                </c:pt>
                <c:pt idx="5068">
                  <c:v>-2229512.7833679998</c:v>
                </c:pt>
                <c:pt idx="5069">
                  <c:v>-2217406.73456856</c:v>
                </c:pt>
                <c:pt idx="5070">
                  <c:v>-2229072.6571811298</c:v>
                </c:pt>
                <c:pt idx="5071">
                  <c:v>-2227217.7535502301</c:v>
                </c:pt>
                <c:pt idx="5072">
                  <c:v>-2234219.2845122698</c:v>
                </c:pt>
                <c:pt idx="5073">
                  <c:v>-2232501.08811764</c:v>
                </c:pt>
                <c:pt idx="5074">
                  <c:v>-2223572.6479306798</c:v>
                </c:pt>
                <c:pt idx="5075">
                  <c:v>-2203992.6610690798</c:v>
                </c:pt>
                <c:pt idx="5076">
                  <c:v>-2202209.5339897699</c:v>
                </c:pt>
                <c:pt idx="5077">
                  <c:v>-2222922.5066790101</c:v>
                </c:pt>
                <c:pt idx="5078">
                  <c:v>-2210883.0789828598</c:v>
                </c:pt>
                <c:pt idx="5079">
                  <c:v>-2225676.9514106298</c:v>
                </c:pt>
                <c:pt idx="5080">
                  <c:v>-2217564.9544735402</c:v>
                </c:pt>
                <c:pt idx="5081">
                  <c:v>-2201735.8775304798</c:v>
                </c:pt>
                <c:pt idx="5082">
                  <c:v>-2198847.3452680898</c:v>
                </c:pt>
                <c:pt idx="5083">
                  <c:v>-2189530.3179244502</c:v>
                </c:pt>
                <c:pt idx="5084">
                  <c:v>-2200822.00223715</c:v>
                </c:pt>
                <c:pt idx="5085">
                  <c:v>-2195938.0940757198</c:v>
                </c:pt>
                <c:pt idx="5086">
                  <c:v>-2202278.8338219798</c:v>
                </c:pt>
                <c:pt idx="5087">
                  <c:v>-2197753.1519525</c:v>
                </c:pt>
                <c:pt idx="5088">
                  <c:v>-2203508.36325762</c:v>
                </c:pt>
                <c:pt idx="5089">
                  <c:v>-2187585.8812278002</c:v>
                </c:pt>
                <c:pt idx="5090">
                  <c:v>-2194134.9837344</c:v>
                </c:pt>
                <c:pt idx="5091">
                  <c:v>-2175990.4385675201</c:v>
                </c:pt>
                <c:pt idx="5092">
                  <c:v>-2174997.8667820902</c:v>
                </c:pt>
                <c:pt idx="5093">
                  <c:v>-2170190.2748574698</c:v>
                </c:pt>
                <c:pt idx="5094">
                  <c:v>-2173373.5694144098</c:v>
                </c:pt>
                <c:pt idx="5095">
                  <c:v>-2174343.8587984899</c:v>
                </c:pt>
                <c:pt idx="5096">
                  <c:v>-2180258.1038517598</c:v>
                </c:pt>
                <c:pt idx="5097">
                  <c:v>-2198380.9708778202</c:v>
                </c:pt>
                <c:pt idx="5098">
                  <c:v>-2204782.2543747802</c:v>
                </c:pt>
                <c:pt idx="5099">
                  <c:v>-2203556.0974445799</c:v>
                </c:pt>
                <c:pt idx="5100">
                  <c:v>-2198071.9388588401</c:v>
                </c:pt>
                <c:pt idx="5101">
                  <c:v>-2180612.8377908799</c:v>
                </c:pt>
                <c:pt idx="5102">
                  <c:v>-2175791.49253347</c:v>
                </c:pt>
                <c:pt idx="5103">
                  <c:v>-2168458.1822117502</c:v>
                </c:pt>
                <c:pt idx="5104">
                  <c:v>-2175976.7219894398</c:v>
                </c:pt>
                <c:pt idx="5105">
                  <c:v>-2184522.73935343</c:v>
                </c:pt>
                <c:pt idx="5106">
                  <c:v>-2197897.1685988898</c:v>
                </c:pt>
                <c:pt idx="5107">
                  <c:v>-2190384.3765302501</c:v>
                </c:pt>
                <c:pt idx="5108">
                  <c:v>-2187957.8219137201</c:v>
                </c:pt>
                <c:pt idx="5109">
                  <c:v>-2186469.07860723</c:v>
                </c:pt>
                <c:pt idx="5110">
                  <c:v>-2204130.5287754401</c:v>
                </c:pt>
                <c:pt idx="5111">
                  <c:v>-2203565.0591693199</c:v>
                </c:pt>
                <c:pt idx="5112">
                  <c:v>-2203461.86922637</c:v>
                </c:pt>
                <c:pt idx="5113">
                  <c:v>-2213823.4465835099</c:v>
                </c:pt>
                <c:pt idx="5114">
                  <c:v>-2216051.0767319798</c:v>
                </c:pt>
                <c:pt idx="5115">
                  <c:v>-2214678.0570326801</c:v>
                </c:pt>
                <c:pt idx="5116">
                  <c:v>-2208291.3086347701</c:v>
                </c:pt>
                <c:pt idx="5117">
                  <c:v>-2221176.6275445302</c:v>
                </c:pt>
                <c:pt idx="5118">
                  <c:v>-2218542.8881697902</c:v>
                </c:pt>
                <c:pt idx="5119">
                  <c:v>-2211379.2994426899</c:v>
                </c:pt>
                <c:pt idx="5120">
                  <c:v>-2186304.3483949499</c:v>
                </c:pt>
                <c:pt idx="5121">
                  <c:v>-2181712.28193476</c:v>
                </c:pt>
                <c:pt idx="5122">
                  <c:v>-2187573.2673589401</c:v>
                </c:pt>
                <c:pt idx="5123">
                  <c:v>-2205944.1348895398</c:v>
                </c:pt>
                <c:pt idx="5124">
                  <c:v>-2206502.4803259498</c:v>
                </c:pt>
                <c:pt idx="5125">
                  <c:v>-2207523.5864182101</c:v>
                </c:pt>
                <c:pt idx="5126">
                  <c:v>-2192382.2001404301</c:v>
                </c:pt>
                <c:pt idx="5127">
                  <c:v>-2195642.1643059701</c:v>
                </c:pt>
                <c:pt idx="5128">
                  <c:v>-2196786.1433454799</c:v>
                </c:pt>
                <c:pt idx="5129">
                  <c:v>-2192956.2375442302</c:v>
                </c:pt>
                <c:pt idx="5130">
                  <c:v>-2183148.3457114198</c:v>
                </c:pt>
                <c:pt idx="5131">
                  <c:v>-2189751.0227872999</c:v>
                </c:pt>
                <c:pt idx="5132">
                  <c:v>-2181534.6341225598</c:v>
                </c:pt>
                <c:pt idx="5133">
                  <c:v>-2181670.1152503798</c:v>
                </c:pt>
                <c:pt idx="5134">
                  <c:v>-2185809.7952972502</c:v>
                </c:pt>
                <c:pt idx="5135">
                  <c:v>-2168399.3337537302</c:v>
                </c:pt>
                <c:pt idx="5136">
                  <c:v>-2163607.23003719</c:v>
                </c:pt>
                <c:pt idx="5137">
                  <c:v>-2169126.0451627499</c:v>
                </c:pt>
                <c:pt idx="5138">
                  <c:v>-2170987.5072677</c:v>
                </c:pt>
                <c:pt idx="5139">
                  <c:v>-2161735.33687355</c:v>
                </c:pt>
                <c:pt idx="5140">
                  <c:v>-2160479.6056191898</c:v>
                </c:pt>
                <c:pt idx="5141">
                  <c:v>-2156254.0374026299</c:v>
                </c:pt>
                <c:pt idx="5142">
                  <c:v>-2130968.7605921398</c:v>
                </c:pt>
                <c:pt idx="5143">
                  <c:v>-2139443.5487871501</c:v>
                </c:pt>
                <c:pt idx="5144">
                  <c:v>-2153443.1358195101</c:v>
                </c:pt>
                <c:pt idx="5145">
                  <c:v>-2141284.1713011698</c:v>
                </c:pt>
                <c:pt idx="5146">
                  <c:v>-2142474.1032980098</c:v>
                </c:pt>
                <c:pt idx="5147">
                  <c:v>-2139641.22821191</c:v>
                </c:pt>
                <c:pt idx="5148">
                  <c:v>-2138402.3482225901</c:v>
                </c:pt>
                <c:pt idx="5149">
                  <c:v>-2141531.1218448002</c:v>
                </c:pt>
                <c:pt idx="5150">
                  <c:v>-2141531.1218448002</c:v>
                </c:pt>
                <c:pt idx="5151">
                  <c:v>-2136789.9747482999</c:v>
                </c:pt>
                <c:pt idx="5152">
                  <c:v>-2116442.6675115</c:v>
                </c:pt>
                <c:pt idx="5153">
                  <c:v>-2112030.3816811801</c:v>
                </c:pt>
                <c:pt idx="5154">
                  <c:v>-2097503.7293285402</c:v>
                </c:pt>
                <c:pt idx="5155">
                  <c:v>-2098076.5787272002</c:v>
                </c:pt>
                <c:pt idx="5156">
                  <c:v>-2084619.0515117401</c:v>
                </c:pt>
                <c:pt idx="5157">
                  <c:v>-2108878.5604964402</c:v>
                </c:pt>
                <c:pt idx="5158">
                  <c:v>-2121423.64446849</c:v>
                </c:pt>
                <c:pt idx="5159">
                  <c:v>-2130424.9301087302</c:v>
                </c:pt>
                <c:pt idx="5160">
                  <c:v>-2144649.2133139302</c:v>
                </c:pt>
                <c:pt idx="5161">
                  <c:v>-2131356.0896887099</c:v>
                </c:pt>
                <c:pt idx="5162">
                  <c:v>-2136417.7964566001</c:v>
                </c:pt>
                <c:pt idx="5163">
                  <c:v>-2137672.07207574</c:v>
                </c:pt>
                <c:pt idx="5164">
                  <c:v>-2139295.9345320198</c:v>
                </c:pt>
                <c:pt idx="5165">
                  <c:v>-2126069.8509347099</c:v>
                </c:pt>
                <c:pt idx="5166">
                  <c:v>-2122473.9529032502</c:v>
                </c:pt>
                <c:pt idx="5167">
                  <c:v>-2122581.0995574999</c:v>
                </c:pt>
                <c:pt idx="5168">
                  <c:v>-2115226.18013812</c:v>
                </c:pt>
                <c:pt idx="5169">
                  <c:v>-2110823.5439150501</c:v>
                </c:pt>
                <c:pt idx="5170">
                  <c:v>-2115092.6254244102</c:v>
                </c:pt>
                <c:pt idx="5171">
                  <c:v>-2134757.7480585398</c:v>
                </c:pt>
                <c:pt idx="5172">
                  <c:v>-2128253.2239203202</c:v>
                </c:pt>
                <c:pt idx="5173">
                  <c:v>-2126098.8643205999</c:v>
                </c:pt>
                <c:pt idx="5174">
                  <c:v>-2116012.1370943398</c:v>
                </c:pt>
                <c:pt idx="5175">
                  <c:v>-2104344.8014616999</c:v>
                </c:pt>
                <c:pt idx="5176">
                  <c:v>-2104344.8014616999</c:v>
                </c:pt>
                <c:pt idx="5177">
                  <c:v>-2101580.1391910999</c:v>
                </c:pt>
                <c:pt idx="5178">
                  <c:v>-2107314.0428920202</c:v>
                </c:pt>
                <c:pt idx="5179">
                  <c:v>-2104649.9580304199</c:v>
                </c:pt>
                <c:pt idx="5180">
                  <c:v>-2116094.3657078198</c:v>
                </c:pt>
                <c:pt idx="5181">
                  <c:v>-2103767.4136812398</c:v>
                </c:pt>
                <c:pt idx="5182">
                  <c:v>-2080427.45457768</c:v>
                </c:pt>
                <c:pt idx="5183">
                  <c:v>-2083905.83718156</c:v>
                </c:pt>
                <c:pt idx="5184">
                  <c:v>-2090476.79502057</c:v>
                </c:pt>
                <c:pt idx="5185">
                  <c:v>-2087852.5201372099</c:v>
                </c:pt>
                <c:pt idx="5186">
                  <c:v>-2094914.6346128299</c:v>
                </c:pt>
                <c:pt idx="5187">
                  <c:v>-2091488.5432808199</c:v>
                </c:pt>
                <c:pt idx="5188">
                  <c:v>-2090347.9242583101</c:v>
                </c:pt>
                <c:pt idx="5189">
                  <c:v>-2094862.6312285601</c:v>
                </c:pt>
                <c:pt idx="5190">
                  <c:v>-2090750.3036925099</c:v>
                </c:pt>
                <c:pt idx="5191">
                  <c:v>-2096223.4198201699</c:v>
                </c:pt>
                <c:pt idx="5192">
                  <c:v>-2087581.0947284801</c:v>
                </c:pt>
                <c:pt idx="5193">
                  <c:v>-2084428.86279007</c:v>
                </c:pt>
                <c:pt idx="5194">
                  <c:v>-2082989.01033897</c:v>
                </c:pt>
                <c:pt idx="5195">
                  <c:v>-2086475.7886270401</c:v>
                </c:pt>
                <c:pt idx="5196">
                  <c:v>-2095723.33958641</c:v>
                </c:pt>
                <c:pt idx="5197">
                  <c:v>-2102756.1486261301</c:v>
                </c:pt>
                <c:pt idx="5198">
                  <c:v>-2095503.9972623501</c:v>
                </c:pt>
                <c:pt idx="5199">
                  <c:v>-2093523.77680384</c:v>
                </c:pt>
                <c:pt idx="5200">
                  <c:v>-2112265.1731625702</c:v>
                </c:pt>
                <c:pt idx="5201">
                  <c:v>-2109368.1069501601</c:v>
                </c:pt>
                <c:pt idx="5202">
                  <c:v>-2107794.48362093</c:v>
                </c:pt>
                <c:pt idx="5203">
                  <c:v>-2103878.4293859801</c:v>
                </c:pt>
                <c:pt idx="5204">
                  <c:v>-2104084.71477895</c:v>
                </c:pt>
                <c:pt idx="5205">
                  <c:v>-2098060.0265106899</c:v>
                </c:pt>
                <c:pt idx="5206">
                  <c:v>-2098060.0265106899</c:v>
                </c:pt>
                <c:pt idx="5207">
                  <c:v>-2085280.42731423</c:v>
                </c:pt>
                <c:pt idx="5208">
                  <c:v>-2083505.5080162501</c:v>
                </c:pt>
                <c:pt idx="5209">
                  <c:v>-2092042.44552395</c:v>
                </c:pt>
                <c:pt idx="5210">
                  <c:v>-2090032.6626219</c:v>
                </c:pt>
                <c:pt idx="5211">
                  <c:v>-2083075.8968205701</c:v>
                </c:pt>
                <c:pt idx="5212">
                  <c:v>-2087767.27828877</c:v>
                </c:pt>
                <c:pt idx="5213">
                  <c:v>-2103288.9392293799</c:v>
                </c:pt>
                <c:pt idx="5214">
                  <c:v>-2106324.55326303</c:v>
                </c:pt>
                <c:pt idx="5215">
                  <c:v>-2106599.7334012701</c:v>
                </c:pt>
                <c:pt idx="5216">
                  <c:v>-2090744.8500498999</c:v>
                </c:pt>
                <c:pt idx="5217">
                  <c:v>-2095566.84284789</c:v>
                </c:pt>
                <c:pt idx="5218">
                  <c:v>-2092162.6131416201</c:v>
                </c:pt>
                <c:pt idx="5219">
                  <c:v>-2091733.3229952599</c:v>
                </c:pt>
                <c:pt idx="5220">
                  <c:v>-2082400.53165891</c:v>
                </c:pt>
                <c:pt idx="5221">
                  <c:v>-2068753.4670023101</c:v>
                </c:pt>
                <c:pt idx="5222">
                  <c:v>-2060567.34352451</c:v>
                </c:pt>
                <c:pt idx="5223">
                  <c:v>-2070122.638704</c:v>
                </c:pt>
                <c:pt idx="5224">
                  <c:v>-2059665.8148832701</c:v>
                </c:pt>
                <c:pt idx="5225">
                  <c:v>-2058262.45614246</c:v>
                </c:pt>
                <c:pt idx="5226">
                  <c:v>-2045986.7827196899</c:v>
                </c:pt>
                <c:pt idx="5227">
                  <c:v>-2060839.28429132</c:v>
                </c:pt>
                <c:pt idx="5228">
                  <c:v>-2081199.23787849</c:v>
                </c:pt>
                <c:pt idx="5229">
                  <c:v>-2075209.1900171801</c:v>
                </c:pt>
                <c:pt idx="5230">
                  <c:v>-2060945.32240585</c:v>
                </c:pt>
                <c:pt idx="5231">
                  <c:v>-2058887.3870284699</c:v>
                </c:pt>
                <c:pt idx="5232">
                  <c:v>-2063184.9836343201</c:v>
                </c:pt>
                <c:pt idx="5233">
                  <c:v>-2053352.9289191701</c:v>
                </c:pt>
                <c:pt idx="5234">
                  <c:v>-2051094.0989328499</c:v>
                </c:pt>
                <c:pt idx="5235">
                  <c:v>-2051549.1028365099</c:v>
                </c:pt>
                <c:pt idx="5236">
                  <c:v>-2036071.4865035601</c:v>
                </c:pt>
                <c:pt idx="5237">
                  <c:v>-2037282.72506691</c:v>
                </c:pt>
                <c:pt idx="5238">
                  <c:v>-2035113.09137197</c:v>
                </c:pt>
                <c:pt idx="5239">
                  <c:v>-2041330.4908966101</c:v>
                </c:pt>
                <c:pt idx="5240">
                  <c:v>-2041557.8672718101</c:v>
                </c:pt>
                <c:pt idx="5241">
                  <c:v>-2051200.83885246</c:v>
                </c:pt>
                <c:pt idx="5242">
                  <c:v>-2053981.1432986001</c:v>
                </c:pt>
                <c:pt idx="5243">
                  <c:v>-2055134.04163268</c:v>
                </c:pt>
                <c:pt idx="5244">
                  <c:v>-2054251.7021055401</c:v>
                </c:pt>
                <c:pt idx="5245">
                  <c:v>-2043047.1581572499</c:v>
                </c:pt>
                <c:pt idx="5246">
                  <c:v>-2037050.5915707201</c:v>
                </c:pt>
                <c:pt idx="5247">
                  <c:v>-2040811.6268484499</c:v>
                </c:pt>
                <c:pt idx="5248">
                  <c:v>-2042341.88264317</c:v>
                </c:pt>
                <c:pt idx="5249">
                  <c:v>-2036316.9515009001</c:v>
                </c:pt>
                <c:pt idx="5250">
                  <c:v>-2022342.0832895001</c:v>
                </c:pt>
                <c:pt idx="5251">
                  <c:v>-2021158.29367035</c:v>
                </c:pt>
                <c:pt idx="5252">
                  <c:v>-2028358.8761934501</c:v>
                </c:pt>
                <c:pt idx="5253">
                  <c:v>-2028871.2387488501</c:v>
                </c:pt>
                <c:pt idx="5254">
                  <c:v>-2022187.9931574001</c:v>
                </c:pt>
                <c:pt idx="5255">
                  <c:v>-2005879.46380892</c:v>
                </c:pt>
                <c:pt idx="5256">
                  <c:v>-2006063.7299798101</c:v>
                </c:pt>
                <c:pt idx="5257">
                  <c:v>-1991374.76070918</c:v>
                </c:pt>
                <c:pt idx="5258">
                  <c:v>-1974762.65237611</c:v>
                </c:pt>
                <c:pt idx="5259">
                  <c:v>-1974762.65237611</c:v>
                </c:pt>
                <c:pt idx="5260">
                  <c:v>-1977475.1967239699</c:v>
                </c:pt>
                <c:pt idx="5261">
                  <c:v>-1991775.94006402</c:v>
                </c:pt>
                <c:pt idx="5262">
                  <c:v>-1981632.3392407</c:v>
                </c:pt>
                <c:pt idx="5263">
                  <c:v>-2000230.79058731</c:v>
                </c:pt>
                <c:pt idx="5264">
                  <c:v>-1993466.87755032</c:v>
                </c:pt>
                <c:pt idx="5265">
                  <c:v>-1996234.27455046</c:v>
                </c:pt>
                <c:pt idx="5266">
                  <c:v>-1995498.8700371501</c:v>
                </c:pt>
                <c:pt idx="5267">
                  <c:v>-1996959.0684982501</c:v>
                </c:pt>
                <c:pt idx="5268">
                  <c:v>-1997695.6088203101</c:v>
                </c:pt>
                <c:pt idx="5269">
                  <c:v>-1977641.8551336401</c:v>
                </c:pt>
                <c:pt idx="5270">
                  <c:v>-1980004.1635481799</c:v>
                </c:pt>
                <c:pt idx="5271">
                  <c:v>-1986739.9232715601</c:v>
                </c:pt>
                <c:pt idx="5272">
                  <c:v>-1975551.51077117</c:v>
                </c:pt>
                <c:pt idx="5273">
                  <c:v>-1975551.51077117</c:v>
                </c:pt>
                <c:pt idx="5274">
                  <c:v>-2012109.4051125699</c:v>
                </c:pt>
                <c:pt idx="5275">
                  <c:v>-2009289.6389667401</c:v>
                </c:pt>
                <c:pt idx="5276">
                  <c:v>-2007260.69502238</c:v>
                </c:pt>
                <c:pt idx="5277">
                  <c:v>-2015736.9540238201</c:v>
                </c:pt>
                <c:pt idx="5278">
                  <c:v>-2022680.46813128</c:v>
                </c:pt>
                <c:pt idx="5279">
                  <c:v>-2021157.03672002</c:v>
                </c:pt>
                <c:pt idx="5280">
                  <c:v>-2019879.86275948</c:v>
                </c:pt>
                <c:pt idx="5281">
                  <c:v>-1997232.61515523</c:v>
                </c:pt>
                <c:pt idx="5282">
                  <c:v>-2001166.30493249</c:v>
                </c:pt>
                <c:pt idx="5283">
                  <c:v>-2018039.72757387</c:v>
                </c:pt>
                <c:pt idx="5284">
                  <c:v>-2015013.9818762401</c:v>
                </c:pt>
                <c:pt idx="5285">
                  <c:v>-2009705.2240717099</c:v>
                </c:pt>
                <c:pt idx="5286">
                  <c:v>-2008619.6936506401</c:v>
                </c:pt>
                <c:pt idx="5287">
                  <c:v>-1996674.2156297399</c:v>
                </c:pt>
                <c:pt idx="5288">
                  <c:v>-1990167.8957879301</c:v>
                </c:pt>
                <c:pt idx="5289">
                  <c:v>-1988606.5320075899</c:v>
                </c:pt>
                <c:pt idx="5290">
                  <c:v>-1994389.86800177</c:v>
                </c:pt>
                <c:pt idx="5291">
                  <c:v>-1982617.9228717401</c:v>
                </c:pt>
                <c:pt idx="5292">
                  <c:v>-1979870.4860908999</c:v>
                </c:pt>
                <c:pt idx="5293">
                  <c:v>-1981481.9195955801</c:v>
                </c:pt>
                <c:pt idx="5294">
                  <c:v>-1980784.05665447</c:v>
                </c:pt>
                <c:pt idx="5295">
                  <c:v>-1992224.50200703</c:v>
                </c:pt>
                <c:pt idx="5296">
                  <c:v>-1990560.1739958799</c:v>
                </c:pt>
                <c:pt idx="5297">
                  <c:v>-1994330.00483</c:v>
                </c:pt>
                <c:pt idx="5298">
                  <c:v>-1999218.6866014099</c:v>
                </c:pt>
                <c:pt idx="5299">
                  <c:v>-2005512.8307537199</c:v>
                </c:pt>
                <c:pt idx="5300">
                  <c:v>-1995047.4743548001</c:v>
                </c:pt>
                <c:pt idx="5301">
                  <c:v>-1997604.24189501</c:v>
                </c:pt>
                <c:pt idx="5302">
                  <c:v>-2000851.0954690401</c:v>
                </c:pt>
                <c:pt idx="5303">
                  <c:v>-1991080.7222978801</c:v>
                </c:pt>
                <c:pt idx="5304">
                  <c:v>-1991021.9089585999</c:v>
                </c:pt>
                <c:pt idx="5305">
                  <c:v>-1984153.49343238</c:v>
                </c:pt>
                <c:pt idx="5306">
                  <c:v>-1980262.3531329799</c:v>
                </c:pt>
                <c:pt idx="5307">
                  <c:v>-1974483.46910664</c:v>
                </c:pt>
                <c:pt idx="5308">
                  <c:v>-1976167.8325897199</c:v>
                </c:pt>
                <c:pt idx="5309">
                  <c:v>-1970158.07345455</c:v>
                </c:pt>
                <c:pt idx="5310">
                  <c:v>-1972637.8985683201</c:v>
                </c:pt>
                <c:pt idx="5311">
                  <c:v>-1974546.47722677</c:v>
                </c:pt>
                <c:pt idx="5312">
                  <c:v>-1959728.93032035</c:v>
                </c:pt>
                <c:pt idx="5313">
                  <c:v>-1964705.18689612</c:v>
                </c:pt>
                <c:pt idx="5314">
                  <c:v>-1955336.0684756199</c:v>
                </c:pt>
                <c:pt idx="5315">
                  <c:v>-1959199.1962317601</c:v>
                </c:pt>
                <c:pt idx="5316">
                  <c:v>-1957437.30213123</c:v>
                </c:pt>
                <c:pt idx="5317">
                  <c:v>-1953604.9802804301</c:v>
                </c:pt>
                <c:pt idx="5318">
                  <c:v>-1954069.5866077801</c:v>
                </c:pt>
                <c:pt idx="5319">
                  <c:v>-1935960.1965751499</c:v>
                </c:pt>
                <c:pt idx="5320">
                  <c:v>-1935960.1965751499</c:v>
                </c:pt>
                <c:pt idx="5321">
                  <c:v>-1924646.01541023</c:v>
                </c:pt>
                <c:pt idx="5322">
                  <c:v>-1940091.8102096501</c:v>
                </c:pt>
                <c:pt idx="5323">
                  <c:v>-1936554.46707179</c:v>
                </c:pt>
                <c:pt idx="5324">
                  <c:v>-1933468.99927113</c:v>
                </c:pt>
                <c:pt idx="5325">
                  <c:v>-1938213.09030076</c:v>
                </c:pt>
                <c:pt idx="5326">
                  <c:v>-1938367.84893649</c:v>
                </c:pt>
                <c:pt idx="5327">
                  <c:v>-1941311.32992685</c:v>
                </c:pt>
                <c:pt idx="5328">
                  <c:v>-1939363.4227237899</c:v>
                </c:pt>
                <c:pt idx="5329">
                  <c:v>-1947943.0952870001</c:v>
                </c:pt>
                <c:pt idx="5330">
                  <c:v>-1946076.6311830999</c:v>
                </c:pt>
                <c:pt idx="5331">
                  <c:v>-1939950.2348672401</c:v>
                </c:pt>
                <c:pt idx="5332">
                  <c:v>-1957075.5123952499</c:v>
                </c:pt>
                <c:pt idx="5333">
                  <c:v>-1955363.8629066299</c:v>
                </c:pt>
                <c:pt idx="5334">
                  <c:v>-1952847.49119642</c:v>
                </c:pt>
                <c:pt idx="5335">
                  <c:v>-1951374.12910636</c:v>
                </c:pt>
                <c:pt idx="5336">
                  <c:v>-1948396.71525364</c:v>
                </c:pt>
                <c:pt idx="5337">
                  <c:v>-1935160.08641462</c:v>
                </c:pt>
                <c:pt idx="5338">
                  <c:v>-1936895.3989649101</c:v>
                </c:pt>
                <c:pt idx="5339">
                  <c:v>-1942681.9377855</c:v>
                </c:pt>
                <c:pt idx="5340">
                  <c:v>-1942458.08402325</c:v>
                </c:pt>
                <c:pt idx="5341">
                  <c:v>-1940523.7594628001</c:v>
                </c:pt>
                <c:pt idx="5342">
                  <c:v>-1939290.50004534</c:v>
                </c:pt>
                <c:pt idx="5343">
                  <c:v>-1932958.0814523699</c:v>
                </c:pt>
                <c:pt idx="5344">
                  <c:v>-1935271.7133875501</c:v>
                </c:pt>
                <c:pt idx="5345">
                  <c:v>-1929463.35992797</c:v>
                </c:pt>
                <c:pt idx="5346">
                  <c:v>-1923754.6256815</c:v>
                </c:pt>
                <c:pt idx="5347">
                  <c:v>-1923754.6256815</c:v>
                </c:pt>
                <c:pt idx="5348">
                  <c:v>-1928718.46864824</c:v>
                </c:pt>
                <c:pt idx="5349">
                  <c:v>-1938128.90101766</c:v>
                </c:pt>
                <c:pt idx="5350">
                  <c:v>-1932628.3159654699</c:v>
                </c:pt>
                <c:pt idx="5351">
                  <c:v>-1934233.4464404201</c:v>
                </c:pt>
                <c:pt idx="5352">
                  <c:v>-1926780.95938032</c:v>
                </c:pt>
                <c:pt idx="5353">
                  <c:v>-1922186.7684531701</c:v>
                </c:pt>
                <c:pt idx="5354">
                  <c:v>-1921189.7694618001</c:v>
                </c:pt>
                <c:pt idx="5355">
                  <c:v>-1913245.57961781</c:v>
                </c:pt>
                <c:pt idx="5356">
                  <c:v>-1911956.0470352599</c:v>
                </c:pt>
                <c:pt idx="5357">
                  <c:v>-1898258.3503820901</c:v>
                </c:pt>
                <c:pt idx="5358">
                  <c:v>-1891550.43094468</c:v>
                </c:pt>
                <c:pt idx="5359">
                  <c:v>-1890893.37626429</c:v>
                </c:pt>
                <c:pt idx="5360">
                  <c:v>-1889721.3614533499</c:v>
                </c:pt>
                <c:pt idx="5361">
                  <c:v>-1890595.8663712</c:v>
                </c:pt>
                <c:pt idx="5362">
                  <c:v>-1901053.73325809</c:v>
                </c:pt>
                <c:pt idx="5363">
                  <c:v>-1889394.28646427</c:v>
                </c:pt>
                <c:pt idx="5364">
                  <c:v>-1883452.1169574901</c:v>
                </c:pt>
                <c:pt idx="5365">
                  <c:v>-1881383.48444993</c:v>
                </c:pt>
                <c:pt idx="5366">
                  <c:v>-1883429.03933654</c:v>
                </c:pt>
                <c:pt idx="5367">
                  <c:v>-1885040.5139482899</c:v>
                </c:pt>
                <c:pt idx="5368">
                  <c:v>-1883256.99183697</c:v>
                </c:pt>
                <c:pt idx="5369">
                  <c:v>-1891664.7487944399</c:v>
                </c:pt>
                <c:pt idx="5370">
                  <c:v>-1880053.68396196</c:v>
                </c:pt>
                <c:pt idx="5371">
                  <c:v>-1896088.1306902601</c:v>
                </c:pt>
                <c:pt idx="5372">
                  <c:v>-1877099.64235664</c:v>
                </c:pt>
                <c:pt idx="5373">
                  <c:v>-1888929.2360950201</c:v>
                </c:pt>
                <c:pt idx="5374">
                  <c:v>-1876038.59920491</c:v>
                </c:pt>
                <c:pt idx="5375">
                  <c:v>-1855679.15605173</c:v>
                </c:pt>
                <c:pt idx="5376">
                  <c:v>-1870902.6619750101</c:v>
                </c:pt>
                <c:pt idx="5377">
                  <c:v>-1870532.7320172801</c:v>
                </c:pt>
                <c:pt idx="5378">
                  <c:v>-1868903.6870661599</c:v>
                </c:pt>
                <c:pt idx="5379">
                  <c:v>-1852242.45006841</c:v>
                </c:pt>
                <c:pt idx="5380">
                  <c:v>-1858920.1793350801</c:v>
                </c:pt>
                <c:pt idx="5381">
                  <c:v>-1848745.7772426901</c:v>
                </c:pt>
                <c:pt idx="5382">
                  <c:v>-1855213.3567108</c:v>
                </c:pt>
                <c:pt idx="5383">
                  <c:v>-1857008.6658129599</c:v>
                </c:pt>
                <c:pt idx="5384">
                  <c:v>-1860161.6292689301</c:v>
                </c:pt>
                <c:pt idx="5385">
                  <c:v>-1863901.0712951301</c:v>
                </c:pt>
                <c:pt idx="5386">
                  <c:v>-1856401.40880171</c:v>
                </c:pt>
                <c:pt idx="5387">
                  <c:v>-1849169.53765945</c:v>
                </c:pt>
                <c:pt idx="5388">
                  <c:v>-1845975.9964108099</c:v>
                </c:pt>
                <c:pt idx="5389">
                  <c:v>-1847300.0220117799</c:v>
                </c:pt>
                <c:pt idx="5390">
                  <c:v>-1845797.6346221699</c:v>
                </c:pt>
                <c:pt idx="5391">
                  <c:v>-1852663.5681718099</c:v>
                </c:pt>
                <c:pt idx="5392">
                  <c:v>-1849358.90704879</c:v>
                </c:pt>
                <c:pt idx="5393">
                  <c:v>-1849482.2017048199</c:v>
                </c:pt>
                <c:pt idx="5394">
                  <c:v>-1854385.6905750399</c:v>
                </c:pt>
                <c:pt idx="5395">
                  <c:v>-1854385.6905750399</c:v>
                </c:pt>
                <c:pt idx="5396">
                  <c:v>-1859471.5465527</c:v>
                </c:pt>
                <c:pt idx="5397">
                  <c:v>-1858729.70565012</c:v>
                </c:pt>
                <c:pt idx="5398">
                  <c:v>-1850457.5579760501</c:v>
                </c:pt>
                <c:pt idx="5399">
                  <c:v>-1855935.0391215</c:v>
                </c:pt>
                <c:pt idx="5400">
                  <c:v>-1850303.9721949799</c:v>
                </c:pt>
                <c:pt idx="5401">
                  <c:v>-1850303.9721949799</c:v>
                </c:pt>
                <c:pt idx="5402">
                  <c:v>-1849298.8559681301</c:v>
                </c:pt>
                <c:pt idx="5403">
                  <c:v>-1843173.0991672999</c:v>
                </c:pt>
                <c:pt idx="5404">
                  <c:v>-1828441.84588977</c:v>
                </c:pt>
                <c:pt idx="5405">
                  <c:v>-1828194.55806065</c:v>
                </c:pt>
                <c:pt idx="5406">
                  <c:v>-1827917.1569570701</c:v>
                </c:pt>
                <c:pt idx="5407">
                  <c:v>-1830800.2674016501</c:v>
                </c:pt>
                <c:pt idx="5408">
                  <c:v>-1829762.1917953701</c:v>
                </c:pt>
                <c:pt idx="5409">
                  <c:v>-1821110.73861173</c:v>
                </c:pt>
                <c:pt idx="5410">
                  <c:v>-1819484.8398349199</c:v>
                </c:pt>
                <c:pt idx="5411">
                  <c:v>-1817306.8270757601</c:v>
                </c:pt>
                <c:pt idx="5412">
                  <c:v>-1817567.8676313199</c:v>
                </c:pt>
                <c:pt idx="5413">
                  <c:v>-1828930.73153101</c:v>
                </c:pt>
                <c:pt idx="5414">
                  <c:v>-1824078.2542504501</c:v>
                </c:pt>
                <c:pt idx="5415">
                  <c:v>-1824078.2542504501</c:v>
                </c:pt>
                <c:pt idx="5416">
                  <c:v>-1827040.7642437101</c:v>
                </c:pt>
                <c:pt idx="5417">
                  <c:v>-1822292.9597318</c:v>
                </c:pt>
                <c:pt idx="5418">
                  <c:v>-1812081.40662197</c:v>
                </c:pt>
                <c:pt idx="5419">
                  <c:v>-1813448.14637262</c:v>
                </c:pt>
                <c:pt idx="5420">
                  <c:v>-1827359.35021575</c:v>
                </c:pt>
                <c:pt idx="5421">
                  <c:v>-1807362.55106126</c:v>
                </c:pt>
                <c:pt idx="5422">
                  <c:v>-1812380.2957876499</c:v>
                </c:pt>
                <c:pt idx="5423">
                  <c:v>-1793320.80603011</c:v>
                </c:pt>
                <c:pt idx="5424">
                  <c:v>-1784846.18298689</c:v>
                </c:pt>
                <c:pt idx="5425">
                  <c:v>-1784504.95364146</c:v>
                </c:pt>
                <c:pt idx="5426">
                  <c:v>-1780626.97651443</c:v>
                </c:pt>
                <c:pt idx="5427">
                  <c:v>-1780536.7509538</c:v>
                </c:pt>
                <c:pt idx="5428">
                  <c:v>-1806150.04179783</c:v>
                </c:pt>
                <c:pt idx="5429">
                  <c:v>-1806113.46014986</c:v>
                </c:pt>
                <c:pt idx="5430">
                  <c:v>-1805066.2693636301</c:v>
                </c:pt>
                <c:pt idx="5431">
                  <c:v>-1804350.7715816</c:v>
                </c:pt>
                <c:pt idx="5432">
                  <c:v>-1808559.8787899001</c:v>
                </c:pt>
                <c:pt idx="5433">
                  <c:v>-1802005.20634416</c:v>
                </c:pt>
                <c:pt idx="5434">
                  <c:v>-1790293.3496614001</c:v>
                </c:pt>
                <c:pt idx="5435">
                  <c:v>-1790293.3496614001</c:v>
                </c:pt>
                <c:pt idx="5436">
                  <c:v>-1791089.80226119</c:v>
                </c:pt>
                <c:pt idx="5437">
                  <c:v>-1791336.3959232999</c:v>
                </c:pt>
                <c:pt idx="5438">
                  <c:v>-1788277.9796468299</c:v>
                </c:pt>
                <c:pt idx="5439">
                  <c:v>-1787594.1756222299</c:v>
                </c:pt>
                <c:pt idx="5440">
                  <c:v>-1789924.04349871</c:v>
                </c:pt>
                <c:pt idx="5441">
                  <c:v>-1773778.4903358601</c:v>
                </c:pt>
                <c:pt idx="5442">
                  <c:v>-1770713.36414202</c:v>
                </c:pt>
                <c:pt idx="5443">
                  <c:v>-1760086.4296134401</c:v>
                </c:pt>
                <c:pt idx="5444">
                  <c:v>-1755107.65785949</c:v>
                </c:pt>
                <c:pt idx="5445">
                  <c:v>-1754249.79267127</c:v>
                </c:pt>
                <c:pt idx="5446">
                  <c:v>-1756972.11740967</c:v>
                </c:pt>
                <c:pt idx="5447">
                  <c:v>-1754780.17478417</c:v>
                </c:pt>
                <c:pt idx="5448">
                  <c:v>-1760601.64766577</c:v>
                </c:pt>
                <c:pt idx="5449">
                  <c:v>-1769097.97001593</c:v>
                </c:pt>
                <c:pt idx="5450">
                  <c:v>-1766224.00382042</c:v>
                </c:pt>
                <c:pt idx="5451">
                  <c:v>-1765180.8141888699</c:v>
                </c:pt>
                <c:pt idx="5452">
                  <c:v>-1750928.6376094299</c:v>
                </c:pt>
                <c:pt idx="5453">
                  <c:v>-1746350.4602668299</c:v>
                </c:pt>
                <c:pt idx="5454">
                  <c:v>-1754376.0424311999</c:v>
                </c:pt>
                <c:pt idx="5455">
                  <c:v>-1760098.66771045</c:v>
                </c:pt>
                <c:pt idx="5456">
                  <c:v>-1758804.7894548899</c:v>
                </c:pt>
                <c:pt idx="5457">
                  <c:v>-1749649.5276214301</c:v>
                </c:pt>
                <c:pt idx="5458">
                  <c:v>-1745115.1372201799</c:v>
                </c:pt>
                <c:pt idx="5459">
                  <c:v>-1744965.0361435399</c:v>
                </c:pt>
                <c:pt idx="5460">
                  <c:v>-1744167.9258683501</c:v>
                </c:pt>
                <c:pt idx="5461">
                  <c:v>-1742022.3332425801</c:v>
                </c:pt>
                <c:pt idx="5462">
                  <c:v>-1731752.62090953</c:v>
                </c:pt>
                <c:pt idx="5463">
                  <c:v>-1742596.15379663</c:v>
                </c:pt>
                <c:pt idx="5464">
                  <c:v>-1742800.49953288</c:v>
                </c:pt>
                <c:pt idx="5465">
                  <c:v>-1747973.1604264099</c:v>
                </c:pt>
                <c:pt idx="5466">
                  <c:v>-1749338.18535803</c:v>
                </c:pt>
                <c:pt idx="5467">
                  <c:v>-1750510.0458060701</c:v>
                </c:pt>
                <c:pt idx="5468">
                  <c:v>-1735367.3892083401</c:v>
                </c:pt>
                <c:pt idx="5469">
                  <c:v>-1730769.8742462399</c:v>
                </c:pt>
                <c:pt idx="5470">
                  <c:v>-1732886.1649386201</c:v>
                </c:pt>
                <c:pt idx="5471">
                  <c:v>-1731730.9474410899</c:v>
                </c:pt>
                <c:pt idx="5472">
                  <c:v>-1742123.3210634999</c:v>
                </c:pt>
                <c:pt idx="5473">
                  <c:v>-1743104.22798337</c:v>
                </c:pt>
                <c:pt idx="5474">
                  <c:v>-1741456.7007045699</c:v>
                </c:pt>
                <c:pt idx="5475">
                  <c:v>-1738242.3165718501</c:v>
                </c:pt>
                <c:pt idx="5476">
                  <c:v>-1742778.0440449801</c:v>
                </c:pt>
                <c:pt idx="5477">
                  <c:v>-1741833.31696975</c:v>
                </c:pt>
                <c:pt idx="5478">
                  <c:v>-1733930.1783548701</c:v>
                </c:pt>
                <c:pt idx="5479">
                  <c:v>-1736147.1344297701</c:v>
                </c:pt>
                <c:pt idx="5480">
                  <c:v>-1733144.4023675399</c:v>
                </c:pt>
                <c:pt idx="5481">
                  <c:v>-1750640.7659513799</c:v>
                </c:pt>
                <c:pt idx="5482">
                  <c:v>-1753153.9377085699</c:v>
                </c:pt>
                <c:pt idx="5483">
                  <c:v>-1753660.21742704</c:v>
                </c:pt>
                <c:pt idx="5484">
                  <c:v>-1754347.5979943101</c:v>
                </c:pt>
                <c:pt idx="5485">
                  <c:v>-1728815.9891450701</c:v>
                </c:pt>
                <c:pt idx="5486">
                  <c:v>-1738589.01695151</c:v>
                </c:pt>
                <c:pt idx="5487">
                  <c:v>-1727463.81138413</c:v>
                </c:pt>
                <c:pt idx="5488">
                  <c:v>-1722249.7938008599</c:v>
                </c:pt>
                <c:pt idx="5489">
                  <c:v>-1726941.51849006</c:v>
                </c:pt>
                <c:pt idx="5490">
                  <c:v>-1726242.5095840399</c:v>
                </c:pt>
                <c:pt idx="5491">
                  <c:v>-1717047.4091016699</c:v>
                </c:pt>
                <c:pt idx="5492">
                  <c:v>-1724608.5056203799</c:v>
                </c:pt>
                <c:pt idx="5493">
                  <c:v>-1703269.1861932799</c:v>
                </c:pt>
                <c:pt idx="5494">
                  <c:v>-1708600.7520638099</c:v>
                </c:pt>
                <c:pt idx="5495">
                  <c:v>-1723371.3849096999</c:v>
                </c:pt>
                <c:pt idx="5496">
                  <c:v>-1714614.82737455</c:v>
                </c:pt>
                <c:pt idx="5497">
                  <c:v>-1727421.7010381999</c:v>
                </c:pt>
                <c:pt idx="5498">
                  <c:v>-1730106.3702191301</c:v>
                </c:pt>
                <c:pt idx="5499">
                  <c:v>-1731742.8720712401</c:v>
                </c:pt>
                <c:pt idx="5500">
                  <c:v>-1722536.04911814</c:v>
                </c:pt>
                <c:pt idx="5501">
                  <c:v>-1725643.01724623</c:v>
                </c:pt>
                <c:pt idx="5502">
                  <c:v>-1720129.6066652399</c:v>
                </c:pt>
                <c:pt idx="5503">
                  <c:v>-1719555.5331902099</c:v>
                </c:pt>
                <c:pt idx="5504">
                  <c:v>-1722740.1114040499</c:v>
                </c:pt>
                <c:pt idx="5505">
                  <c:v>-1724752.12967109</c:v>
                </c:pt>
                <c:pt idx="5506">
                  <c:v>-1727807.2919356599</c:v>
                </c:pt>
                <c:pt idx="5507">
                  <c:v>-1730915.28366445</c:v>
                </c:pt>
                <c:pt idx="5508">
                  <c:v>-1716727.7455178399</c:v>
                </c:pt>
                <c:pt idx="5509">
                  <c:v>-1714054.5488211501</c:v>
                </c:pt>
                <c:pt idx="5510">
                  <c:v>-1713626.52470878</c:v>
                </c:pt>
                <c:pt idx="5511">
                  <c:v>-1695829.05197825</c:v>
                </c:pt>
                <c:pt idx="5512">
                  <c:v>-1700809.57438906</c:v>
                </c:pt>
                <c:pt idx="5513">
                  <c:v>-1688469.3714000499</c:v>
                </c:pt>
                <c:pt idx="5514">
                  <c:v>-1678334.5154828499</c:v>
                </c:pt>
                <c:pt idx="5515">
                  <c:v>-1676987.2291729001</c:v>
                </c:pt>
                <c:pt idx="5516">
                  <c:v>-1679222.8817733801</c:v>
                </c:pt>
                <c:pt idx="5517">
                  <c:v>-1682310.8606412399</c:v>
                </c:pt>
                <c:pt idx="5518">
                  <c:v>-1682310.8606412399</c:v>
                </c:pt>
                <c:pt idx="5519">
                  <c:v>-1679564.23866375</c:v>
                </c:pt>
                <c:pt idx="5520">
                  <c:v>-1673727.70500527</c:v>
                </c:pt>
                <c:pt idx="5521">
                  <c:v>-1673276.7998659499</c:v>
                </c:pt>
                <c:pt idx="5522">
                  <c:v>-1709618.0637612899</c:v>
                </c:pt>
                <c:pt idx="5523">
                  <c:v>-1703148.3816140201</c:v>
                </c:pt>
                <c:pt idx="5524">
                  <c:v>-1704273.42788668</c:v>
                </c:pt>
                <c:pt idx="5525">
                  <c:v>-1705777.2111251601</c:v>
                </c:pt>
                <c:pt idx="5526">
                  <c:v>-1727743.7223586701</c:v>
                </c:pt>
                <c:pt idx="5527">
                  <c:v>-1719244.64391745</c:v>
                </c:pt>
                <c:pt idx="5528">
                  <c:v>-1714056.7353250701</c:v>
                </c:pt>
                <c:pt idx="5529">
                  <c:v>-1713217.3101288399</c:v>
                </c:pt>
                <c:pt idx="5530">
                  <c:v>-1737407.29664649</c:v>
                </c:pt>
                <c:pt idx="5531">
                  <c:v>-1731335.9910907999</c:v>
                </c:pt>
                <c:pt idx="5532">
                  <c:v>-1723992.94059929</c:v>
                </c:pt>
                <c:pt idx="5533">
                  <c:v>-1720123.89680378</c:v>
                </c:pt>
                <c:pt idx="5534">
                  <c:v>-1720123.89680378</c:v>
                </c:pt>
                <c:pt idx="5535">
                  <c:v>-1718135.5638646199</c:v>
                </c:pt>
                <c:pt idx="5536">
                  <c:v>-1722658.80796244</c:v>
                </c:pt>
                <c:pt idx="5537">
                  <c:v>-1703130.69480024</c:v>
                </c:pt>
                <c:pt idx="5538">
                  <c:v>-1683672.97206036</c:v>
                </c:pt>
                <c:pt idx="5539">
                  <c:v>-1684522.5911459001</c:v>
                </c:pt>
                <c:pt idx="5540">
                  <c:v>-1698406.6887535499</c:v>
                </c:pt>
                <c:pt idx="5541">
                  <c:v>-1693714.42864946</c:v>
                </c:pt>
                <c:pt idx="5542">
                  <c:v>-1693840.7388692901</c:v>
                </c:pt>
                <c:pt idx="5543">
                  <c:v>-1695015.5305099301</c:v>
                </c:pt>
                <c:pt idx="5544">
                  <c:v>-1687967.0901661899</c:v>
                </c:pt>
                <c:pt idx="5545">
                  <c:v>-1675309.56834933</c:v>
                </c:pt>
                <c:pt idx="5546">
                  <c:v>-1678033.57295683</c:v>
                </c:pt>
                <c:pt idx="5547">
                  <c:v>-1674466.5236530199</c:v>
                </c:pt>
                <c:pt idx="5548">
                  <c:v>-1653814.5880585599</c:v>
                </c:pt>
                <c:pt idx="5549">
                  <c:v>-1657137.7926284601</c:v>
                </c:pt>
                <c:pt idx="5550">
                  <c:v>-1647744.12767652</c:v>
                </c:pt>
                <c:pt idx="5551">
                  <c:v>-1643890.9869242799</c:v>
                </c:pt>
                <c:pt idx="5552">
                  <c:v>-1643890.9869242799</c:v>
                </c:pt>
                <c:pt idx="5553">
                  <c:v>-1643733.9507637401</c:v>
                </c:pt>
                <c:pt idx="5554">
                  <c:v>-1639570.07107906</c:v>
                </c:pt>
                <c:pt idx="5555">
                  <c:v>-1627429.09548151</c:v>
                </c:pt>
                <c:pt idx="5556">
                  <c:v>-1633516.06279684</c:v>
                </c:pt>
                <c:pt idx="5557">
                  <c:v>-1632511.1390703199</c:v>
                </c:pt>
                <c:pt idx="5558">
                  <c:v>-1633190.4104138799</c:v>
                </c:pt>
                <c:pt idx="5559">
                  <c:v>-1632511.7471532701</c:v>
                </c:pt>
                <c:pt idx="5560">
                  <c:v>-1635161.73995593</c:v>
                </c:pt>
                <c:pt idx="5561">
                  <c:v>-1638478.33580136</c:v>
                </c:pt>
                <c:pt idx="5562">
                  <c:v>-1645136.4110900101</c:v>
                </c:pt>
                <c:pt idx="5563">
                  <c:v>-1657523.98539193</c:v>
                </c:pt>
                <c:pt idx="5564">
                  <c:v>-1651392.7193348201</c:v>
                </c:pt>
                <c:pt idx="5565">
                  <c:v>-1640088.35810409</c:v>
                </c:pt>
                <c:pt idx="5566">
                  <c:v>-1647587.6263580199</c:v>
                </c:pt>
                <c:pt idx="5567">
                  <c:v>-1635104.1837480401</c:v>
                </c:pt>
                <c:pt idx="5568">
                  <c:v>-1633857.6422045</c:v>
                </c:pt>
                <c:pt idx="5569">
                  <c:v>-1632177.8040636899</c:v>
                </c:pt>
                <c:pt idx="5570">
                  <c:v>-1619871.79995345</c:v>
                </c:pt>
                <c:pt idx="5571">
                  <c:v>-1624025.6394795401</c:v>
                </c:pt>
                <c:pt idx="5572">
                  <c:v>-1624025.6394795401</c:v>
                </c:pt>
                <c:pt idx="5573">
                  <c:v>-1623983.0597502899</c:v>
                </c:pt>
                <c:pt idx="5574">
                  <c:v>-1621983.7932468001</c:v>
                </c:pt>
                <c:pt idx="5575">
                  <c:v>-1607592.10117587</c:v>
                </c:pt>
                <c:pt idx="5576">
                  <c:v>-1617349.35803972</c:v>
                </c:pt>
                <c:pt idx="5577">
                  <c:v>-1610236.6379684701</c:v>
                </c:pt>
                <c:pt idx="5578">
                  <c:v>-1610953.2698392901</c:v>
                </c:pt>
                <c:pt idx="5579">
                  <c:v>-1607147.42764325</c:v>
                </c:pt>
                <c:pt idx="5580">
                  <c:v>-1619392.61942168</c:v>
                </c:pt>
                <c:pt idx="5581">
                  <c:v>-1630088.19167055</c:v>
                </c:pt>
                <c:pt idx="5582">
                  <c:v>-1631857.73188408</c:v>
                </c:pt>
                <c:pt idx="5583">
                  <c:v>-1631117.14011514</c:v>
                </c:pt>
                <c:pt idx="5584">
                  <c:v>-1622522.19294715</c:v>
                </c:pt>
                <c:pt idx="5585">
                  <c:v>-1623244.7776272199</c:v>
                </c:pt>
                <c:pt idx="5586">
                  <c:v>-1629560.41550664</c:v>
                </c:pt>
                <c:pt idx="5587">
                  <c:v>-1630461.35678019</c:v>
                </c:pt>
                <c:pt idx="5588">
                  <c:v>-1630461.35678019</c:v>
                </c:pt>
                <c:pt idx="5589">
                  <c:v>-1617767.48403042</c:v>
                </c:pt>
                <c:pt idx="5590">
                  <c:v>-1609540.44021546</c:v>
                </c:pt>
                <c:pt idx="5591">
                  <c:v>-1613626.8573861199</c:v>
                </c:pt>
                <c:pt idx="5592">
                  <c:v>-1622809.2483421699</c:v>
                </c:pt>
                <c:pt idx="5593">
                  <c:v>-1614393.70066393</c:v>
                </c:pt>
                <c:pt idx="5594">
                  <c:v>-1616651.78045899</c:v>
                </c:pt>
                <c:pt idx="5595">
                  <c:v>-1621666.5925495101</c:v>
                </c:pt>
                <c:pt idx="5596">
                  <c:v>-1598772.2679529199</c:v>
                </c:pt>
                <c:pt idx="5597">
                  <c:v>-1595969.53072104</c:v>
                </c:pt>
                <c:pt idx="5598">
                  <c:v>-1593378.0938119299</c:v>
                </c:pt>
                <c:pt idx="5599">
                  <c:v>-1594207.25570588</c:v>
                </c:pt>
                <c:pt idx="5600">
                  <c:v>-1595600.9357748399</c:v>
                </c:pt>
                <c:pt idx="5601">
                  <c:v>-1608106.67245259</c:v>
                </c:pt>
                <c:pt idx="5602">
                  <c:v>-1605961.0904723001</c:v>
                </c:pt>
                <c:pt idx="5603">
                  <c:v>-1611077.682055</c:v>
                </c:pt>
                <c:pt idx="5604">
                  <c:v>-1611376.74826035</c:v>
                </c:pt>
                <c:pt idx="5605">
                  <c:v>-1611376.74826035</c:v>
                </c:pt>
                <c:pt idx="5606">
                  <c:v>-1624354.6097639301</c:v>
                </c:pt>
                <c:pt idx="5607">
                  <c:v>-1617272.06449652</c:v>
                </c:pt>
                <c:pt idx="5608">
                  <c:v>-1615924.4235948001</c:v>
                </c:pt>
                <c:pt idx="5609">
                  <c:v>-1613586.51238993</c:v>
                </c:pt>
                <c:pt idx="5610">
                  <c:v>-1611296.52259101</c:v>
                </c:pt>
                <c:pt idx="5611">
                  <c:v>-1624495.72346001</c:v>
                </c:pt>
                <c:pt idx="5612">
                  <c:v>-1623835.63147684</c:v>
                </c:pt>
                <c:pt idx="5613">
                  <c:v>-1623835.63147684</c:v>
                </c:pt>
                <c:pt idx="5614">
                  <c:v>-1619160.7044148899</c:v>
                </c:pt>
                <c:pt idx="5615">
                  <c:v>-1621571.4361944599</c:v>
                </c:pt>
                <c:pt idx="5616">
                  <c:v>-1630429.65310378</c:v>
                </c:pt>
                <c:pt idx="5617">
                  <c:v>-1630026.1496705899</c:v>
                </c:pt>
                <c:pt idx="5618">
                  <c:v>-1632075.0441333</c:v>
                </c:pt>
                <c:pt idx="5619">
                  <c:v>-1637099.23173688</c:v>
                </c:pt>
                <c:pt idx="5620">
                  <c:v>-1641768.1439845201</c:v>
                </c:pt>
                <c:pt idx="5621">
                  <c:v>-1633600.1293592099</c:v>
                </c:pt>
                <c:pt idx="5622">
                  <c:v>-1633292.37780725</c:v>
                </c:pt>
                <c:pt idx="5623">
                  <c:v>-1631424.06312235</c:v>
                </c:pt>
                <c:pt idx="5624">
                  <c:v>-1627805.7979987899</c:v>
                </c:pt>
                <c:pt idx="5625">
                  <c:v>-1624129.61348356</c:v>
                </c:pt>
                <c:pt idx="5626">
                  <c:v>-1628867.52917056</c:v>
                </c:pt>
                <c:pt idx="5627">
                  <c:v>-1626454.07599296</c:v>
                </c:pt>
                <c:pt idx="5628">
                  <c:v>-1624458.3830593899</c:v>
                </c:pt>
                <c:pt idx="5629">
                  <c:v>-1624458.3830593899</c:v>
                </c:pt>
                <c:pt idx="5630">
                  <c:v>-1619254.70508936</c:v>
                </c:pt>
                <c:pt idx="5631">
                  <c:v>-1609001.49268368</c:v>
                </c:pt>
                <c:pt idx="5632">
                  <c:v>-1602478.7686576</c:v>
                </c:pt>
                <c:pt idx="5633">
                  <c:v>-1599258.5601959799</c:v>
                </c:pt>
                <c:pt idx="5634">
                  <c:v>-1608419.0437061901</c:v>
                </c:pt>
                <c:pt idx="5635">
                  <c:v>-1607015.4611773901</c:v>
                </c:pt>
                <c:pt idx="5636">
                  <c:v>-1601018.58938849</c:v>
                </c:pt>
                <c:pt idx="5637">
                  <c:v>-1599621.76759157</c:v>
                </c:pt>
                <c:pt idx="5638">
                  <c:v>-1593906.35945864</c:v>
                </c:pt>
                <c:pt idx="5639">
                  <c:v>-1593577.2758802499</c:v>
                </c:pt>
                <c:pt idx="5640">
                  <c:v>-1593577.2758802499</c:v>
                </c:pt>
                <c:pt idx="5641">
                  <c:v>-1593526.8254524199</c:v>
                </c:pt>
                <c:pt idx="5642">
                  <c:v>-1590562.0224665899</c:v>
                </c:pt>
                <c:pt idx="5643">
                  <c:v>-1590152.15922098</c:v>
                </c:pt>
                <c:pt idx="5644">
                  <c:v>-1590212.5144833301</c:v>
                </c:pt>
                <c:pt idx="5645">
                  <c:v>-1597543.3436652799</c:v>
                </c:pt>
                <c:pt idx="5646">
                  <c:v>-1598494.74840348</c:v>
                </c:pt>
                <c:pt idx="5647">
                  <c:v>-1596799.3128323101</c:v>
                </c:pt>
                <c:pt idx="5648">
                  <c:v>-1590017.6440512601</c:v>
                </c:pt>
                <c:pt idx="5649">
                  <c:v>-1579531.07888009</c:v>
                </c:pt>
                <c:pt idx="5650">
                  <c:v>-1581323.27847872</c:v>
                </c:pt>
                <c:pt idx="5651">
                  <c:v>-1576288.48237663</c:v>
                </c:pt>
                <c:pt idx="5652">
                  <c:v>-1577138.9775046301</c:v>
                </c:pt>
                <c:pt idx="5653">
                  <c:v>-1568946.67766457</c:v>
                </c:pt>
                <c:pt idx="5654">
                  <c:v>-1565385.6126600699</c:v>
                </c:pt>
                <c:pt idx="5655">
                  <c:v>-1563460.63314908</c:v>
                </c:pt>
                <c:pt idx="5656">
                  <c:v>-1564505.9256014701</c:v>
                </c:pt>
                <c:pt idx="5657">
                  <c:v>-1565494.7233611799</c:v>
                </c:pt>
                <c:pt idx="5658">
                  <c:v>-1565494.7233611799</c:v>
                </c:pt>
                <c:pt idx="5659">
                  <c:v>-1567126.9462375899</c:v>
                </c:pt>
                <c:pt idx="5660">
                  <c:v>-1584719.3362397801</c:v>
                </c:pt>
                <c:pt idx="5661">
                  <c:v>-1575239.61861437</c:v>
                </c:pt>
                <c:pt idx="5662">
                  <c:v>-1566493.22555986</c:v>
                </c:pt>
                <c:pt idx="5663">
                  <c:v>-1593173.73535304</c:v>
                </c:pt>
                <c:pt idx="5664">
                  <c:v>-1584026.6481488899</c:v>
                </c:pt>
                <c:pt idx="5665">
                  <c:v>-1587725.1462700199</c:v>
                </c:pt>
                <c:pt idx="5666">
                  <c:v>-1598443.1727509401</c:v>
                </c:pt>
                <c:pt idx="5667">
                  <c:v>-1600039.44986273</c:v>
                </c:pt>
                <c:pt idx="5668">
                  <c:v>-1589191.3306749</c:v>
                </c:pt>
                <c:pt idx="5669">
                  <c:v>-1589596.77296461</c:v>
                </c:pt>
                <c:pt idx="5670">
                  <c:v>-1587784.2993122099</c:v>
                </c:pt>
                <c:pt idx="5671">
                  <c:v>-1582228.3767574001</c:v>
                </c:pt>
                <c:pt idx="5672">
                  <c:v>-1582728.45595129</c:v>
                </c:pt>
                <c:pt idx="5673">
                  <c:v>-1562299.3024583401</c:v>
                </c:pt>
                <c:pt idx="5674">
                  <c:v>-1563342.06923496</c:v>
                </c:pt>
                <c:pt idx="5675">
                  <c:v>-1557958.6887649701</c:v>
                </c:pt>
                <c:pt idx="5676">
                  <c:v>-1555474.8674401699</c:v>
                </c:pt>
                <c:pt idx="5677">
                  <c:v>-1548649.4962154101</c:v>
                </c:pt>
                <c:pt idx="5678">
                  <c:v>-1546445.4322736899</c:v>
                </c:pt>
                <c:pt idx="5679">
                  <c:v>-1545008.8952580299</c:v>
                </c:pt>
                <c:pt idx="5680">
                  <c:v>-1546281.8690079299</c:v>
                </c:pt>
                <c:pt idx="5681">
                  <c:v>-1545746.0591775801</c:v>
                </c:pt>
                <c:pt idx="5682">
                  <c:v>-1534479.12765306</c:v>
                </c:pt>
                <c:pt idx="5683">
                  <c:v>-1536630.0705457099</c:v>
                </c:pt>
                <c:pt idx="5684">
                  <c:v>-1521806.80292683</c:v>
                </c:pt>
                <c:pt idx="5685">
                  <c:v>-1517516.4135795501</c:v>
                </c:pt>
                <c:pt idx="5686">
                  <c:v>-1536234.9266071401</c:v>
                </c:pt>
                <c:pt idx="5687">
                  <c:v>-1536188.7515223401</c:v>
                </c:pt>
                <c:pt idx="5688">
                  <c:v>-1534201.53064555</c:v>
                </c:pt>
                <c:pt idx="5689">
                  <c:v>-1525297.9911744201</c:v>
                </c:pt>
                <c:pt idx="5690">
                  <c:v>-1528563.99368071</c:v>
                </c:pt>
                <c:pt idx="5691">
                  <c:v>-1528563.99368071</c:v>
                </c:pt>
                <c:pt idx="5692">
                  <c:v>-1528340.44073943</c:v>
                </c:pt>
                <c:pt idx="5693">
                  <c:v>-1529672.9465061901</c:v>
                </c:pt>
                <c:pt idx="5694">
                  <c:v>-1506822.3862872401</c:v>
                </c:pt>
                <c:pt idx="5695">
                  <c:v>-1505692.8093172901</c:v>
                </c:pt>
                <c:pt idx="5696">
                  <c:v>-1506712.6098193801</c:v>
                </c:pt>
                <c:pt idx="5697">
                  <c:v>-1507732.48746602</c:v>
                </c:pt>
                <c:pt idx="5698">
                  <c:v>-1513411.8590699099</c:v>
                </c:pt>
                <c:pt idx="5699">
                  <c:v>-1514604.29327972</c:v>
                </c:pt>
                <c:pt idx="5700">
                  <c:v>-1520750.3575602199</c:v>
                </c:pt>
                <c:pt idx="5701">
                  <c:v>-1522538.67358345</c:v>
                </c:pt>
                <c:pt idx="5702">
                  <c:v>-1516624.3487348801</c:v>
                </c:pt>
                <c:pt idx="5703">
                  <c:v>-1512468.7913424801</c:v>
                </c:pt>
                <c:pt idx="5704">
                  <c:v>-1503720.73103469</c:v>
                </c:pt>
                <c:pt idx="5705">
                  <c:v>-1497153.54800879</c:v>
                </c:pt>
                <c:pt idx="5706">
                  <c:v>-1495756.4247335701</c:v>
                </c:pt>
                <c:pt idx="5707">
                  <c:v>-1495756.4247335701</c:v>
                </c:pt>
                <c:pt idx="5708">
                  <c:v>-1491175.45484655</c:v>
                </c:pt>
                <c:pt idx="5709">
                  <c:v>-1492275.4154125301</c:v>
                </c:pt>
                <c:pt idx="5710">
                  <c:v>-1499897.64889447</c:v>
                </c:pt>
                <c:pt idx="5711">
                  <c:v>-1501800.8664392401</c:v>
                </c:pt>
                <c:pt idx="5712">
                  <c:v>-1507492.87907775</c:v>
                </c:pt>
                <c:pt idx="5713">
                  <c:v>-1501785.0398748301</c:v>
                </c:pt>
                <c:pt idx="5714">
                  <c:v>-1500563.1768988201</c:v>
                </c:pt>
                <c:pt idx="5715">
                  <c:v>-1494524.3478739599</c:v>
                </c:pt>
                <c:pt idx="5716">
                  <c:v>-1493332.79378598</c:v>
                </c:pt>
                <c:pt idx="5717">
                  <c:v>-1486930.7438880501</c:v>
                </c:pt>
                <c:pt idx="5718">
                  <c:v>-1486047.61221844</c:v>
                </c:pt>
                <c:pt idx="5719">
                  <c:v>-1485782.5568021699</c:v>
                </c:pt>
                <c:pt idx="5720">
                  <c:v>-1476463.1462238301</c:v>
                </c:pt>
                <c:pt idx="5721">
                  <c:v>-1478397.2772746701</c:v>
                </c:pt>
                <c:pt idx="5722">
                  <c:v>-1473047.2877582</c:v>
                </c:pt>
                <c:pt idx="5723">
                  <c:v>-1465555.84538434</c:v>
                </c:pt>
                <c:pt idx="5724">
                  <c:v>-1467540.0013975999</c:v>
                </c:pt>
                <c:pt idx="5725">
                  <c:v>-1467800.4836730401</c:v>
                </c:pt>
                <c:pt idx="5726">
                  <c:v>-1448288.5795696001</c:v>
                </c:pt>
                <c:pt idx="5727">
                  <c:v>-1457642.7883293501</c:v>
                </c:pt>
                <c:pt idx="5728">
                  <c:v>-1466358.63372035</c:v>
                </c:pt>
                <c:pt idx="5729">
                  <c:v>-1471042.89770509</c:v>
                </c:pt>
                <c:pt idx="5730">
                  <c:v>-1485986.5230841101</c:v>
                </c:pt>
                <c:pt idx="5731">
                  <c:v>-1475309.3373011199</c:v>
                </c:pt>
                <c:pt idx="5732">
                  <c:v>-1473076.95526099</c:v>
                </c:pt>
                <c:pt idx="5733">
                  <c:v>-1473076.95526099</c:v>
                </c:pt>
                <c:pt idx="5734">
                  <c:v>-1462570.71704141</c:v>
                </c:pt>
                <c:pt idx="5735">
                  <c:v>-1473951.58552338</c:v>
                </c:pt>
                <c:pt idx="5736">
                  <c:v>-1465544.6625066299</c:v>
                </c:pt>
                <c:pt idx="5737">
                  <c:v>-1472468.9297718999</c:v>
                </c:pt>
                <c:pt idx="5738">
                  <c:v>-1464534.1465995901</c:v>
                </c:pt>
                <c:pt idx="5739">
                  <c:v>-1461428.58147089</c:v>
                </c:pt>
                <c:pt idx="5740">
                  <c:v>-1451173.56463603</c:v>
                </c:pt>
                <c:pt idx="5741">
                  <c:v>-1452226.8052039801</c:v>
                </c:pt>
                <c:pt idx="5742">
                  <c:v>-1440655.9704488299</c:v>
                </c:pt>
                <c:pt idx="5743">
                  <c:v>-1438355.55385256</c:v>
                </c:pt>
                <c:pt idx="5744">
                  <c:v>-1447910.85950716</c:v>
                </c:pt>
                <c:pt idx="5745">
                  <c:v>-1447910.85950716</c:v>
                </c:pt>
                <c:pt idx="5746">
                  <c:v>-1447910.85950716</c:v>
                </c:pt>
                <c:pt idx="5747">
                  <c:v>-1452154.4113135301</c:v>
                </c:pt>
                <c:pt idx="5748">
                  <c:v>-1461710.12064187</c:v>
                </c:pt>
                <c:pt idx="5749">
                  <c:v>-1457462.2470380301</c:v>
                </c:pt>
                <c:pt idx="5750">
                  <c:v>-1457766.38040905</c:v>
                </c:pt>
                <c:pt idx="5751">
                  <c:v>-1454863.30330316</c:v>
                </c:pt>
                <c:pt idx="5752">
                  <c:v>-1454863.30330316</c:v>
                </c:pt>
                <c:pt idx="5753">
                  <c:v>-1458326.6600247601</c:v>
                </c:pt>
                <c:pt idx="5754">
                  <c:v>-1466383.67812091</c:v>
                </c:pt>
                <c:pt idx="5755">
                  <c:v>-1453608.68055938</c:v>
                </c:pt>
                <c:pt idx="5756">
                  <c:v>-1448071.1121937099</c:v>
                </c:pt>
                <c:pt idx="5757">
                  <c:v>-1442191.3391360701</c:v>
                </c:pt>
                <c:pt idx="5758">
                  <c:v>-1440956.96112351</c:v>
                </c:pt>
                <c:pt idx="5759">
                  <c:v>-1409444.7609476</c:v>
                </c:pt>
                <c:pt idx="5760">
                  <c:v>-1403595.17581662</c:v>
                </c:pt>
                <c:pt idx="5761">
                  <c:v>-1400502.11251265</c:v>
                </c:pt>
                <c:pt idx="5762">
                  <c:v>-1387740.69949238</c:v>
                </c:pt>
                <c:pt idx="5763">
                  <c:v>-1388608.6085954499</c:v>
                </c:pt>
                <c:pt idx="5764">
                  <c:v>-1399641.8804798201</c:v>
                </c:pt>
                <c:pt idx="5765">
                  <c:v>-1402180.5219252701</c:v>
                </c:pt>
                <c:pt idx="5766">
                  <c:v>-1401215.2987588299</c:v>
                </c:pt>
                <c:pt idx="5767">
                  <c:v>-1404830.14913193</c:v>
                </c:pt>
                <c:pt idx="5768">
                  <c:v>-1401761.73103012</c:v>
                </c:pt>
                <c:pt idx="5769">
                  <c:v>-1397998.4658830401</c:v>
                </c:pt>
                <c:pt idx="5770">
                  <c:v>-1400681.7961645401</c:v>
                </c:pt>
                <c:pt idx="5771">
                  <c:v>-1391928.1083489901</c:v>
                </c:pt>
                <c:pt idx="5772">
                  <c:v>-1392928.90379006</c:v>
                </c:pt>
                <c:pt idx="5773">
                  <c:v>-1406674.4029991899</c:v>
                </c:pt>
                <c:pt idx="5774">
                  <c:v>-1394927.9203510699</c:v>
                </c:pt>
                <c:pt idx="5775">
                  <c:v>-1404788.1828631</c:v>
                </c:pt>
                <c:pt idx="5776">
                  <c:v>-1403942.1766419201</c:v>
                </c:pt>
                <c:pt idx="5777">
                  <c:v>-1407642.2411559699</c:v>
                </c:pt>
                <c:pt idx="5778">
                  <c:v>-1397147.1602783899</c:v>
                </c:pt>
                <c:pt idx="5779">
                  <c:v>-1394602.1761797799</c:v>
                </c:pt>
                <c:pt idx="5780">
                  <c:v>-1389522.6722868001</c:v>
                </c:pt>
                <c:pt idx="5781">
                  <c:v>-1388866.5468167199</c:v>
                </c:pt>
                <c:pt idx="5782">
                  <c:v>-1400701.88234713</c:v>
                </c:pt>
                <c:pt idx="5783">
                  <c:v>-1397911.3820798299</c:v>
                </c:pt>
                <c:pt idx="5784">
                  <c:v>-1394677.4388522501</c:v>
                </c:pt>
                <c:pt idx="5785">
                  <c:v>-1388020.88873155</c:v>
                </c:pt>
                <c:pt idx="5786">
                  <c:v>-1383173.0598668</c:v>
                </c:pt>
                <c:pt idx="5787">
                  <c:v>-1390677.94860918</c:v>
                </c:pt>
                <c:pt idx="5788">
                  <c:v>-1393365.9233792799</c:v>
                </c:pt>
                <c:pt idx="5789">
                  <c:v>-1379976.78214352</c:v>
                </c:pt>
                <c:pt idx="5790">
                  <c:v>-1371355.6959619101</c:v>
                </c:pt>
                <c:pt idx="5791">
                  <c:v>-1372653.2347402701</c:v>
                </c:pt>
                <c:pt idx="5792">
                  <c:v>-1370478.7793956599</c:v>
                </c:pt>
                <c:pt idx="5793">
                  <c:v>-1359357.7614335299</c:v>
                </c:pt>
                <c:pt idx="5794">
                  <c:v>-1359632.6270801399</c:v>
                </c:pt>
                <c:pt idx="5795">
                  <c:v>-1357143.4877803801</c:v>
                </c:pt>
                <c:pt idx="5796">
                  <c:v>-1356247.48715737</c:v>
                </c:pt>
                <c:pt idx="5797">
                  <c:v>-1347398.1402195201</c:v>
                </c:pt>
                <c:pt idx="5798">
                  <c:v>-1372543.4525938299</c:v>
                </c:pt>
                <c:pt idx="5799">
                  <c:v>-1369324.2751956601</c:v>
                </c:pt>
                <c:pt idx="5800">
                  <c:v>-1353431.0003700799</c:v>
                </c:pt>
                <c:pt idx="5801">
                  <c:v>-1360809.6695797101</c:v>
                </c:pt>
                <c:pt idx="5802">
                  <c:v>-1364620.0195772201</c:v>
                </c:pt>
                <c:pt idx="5803">
                  <c:v>-1359594.34068245</c:v>
                </c:pt>
                <c:pt idx="5804">
                  <c:v>-1359594.34068245</c:v>
                </c:pt>
                <c:pt idx="5805">
                  <c:v>-1365000.5629529799</c:v>
                </c:pt>
                <c:pt idx="5806">
                  <c:v>-1365000.5629529799</c:v>
                </c:pt>
                <c:pt idx="5807">
                  <c:v>-1357462.8974826499</c:v>
                </c:pt>
                <c:pt idx="5808">
                  <c:v>-1359006.1117348501</c:v>
                </c:pt>
                <c:pt idx="5809">
                  <c:v>-1351890.07326038</c:v>
                </c:pt>
                <c:pt idx="5810">
                  <c:v>-1351890.07326038</c:v>
                </c:pt>
                <c:pt idx="5811">
                  <c:v>-1337686.5681234</c:v>
                </c:pt>
                <c:pt idx="5812">
                  <c:v>-1338847.49954044</c:v>
                </c:pt>
                <c:pt idx="5813">
                  <c:v>-1335414.2639923701</c:v>
                </c:pt>
                <c:pt idx="5814">
                  <c:v>-1323674.64453399</c:v>
                </c:pt>
                <c:pt idx="5815">
                  <c:v>-1310205.7438392199</c:v>
                </c:pt>
                <c:pt idx="5816">
                  <c:v>-1307507.7489180199</c:v>
                </c:pt>
                <c:pt idx="5817">
                  <c:v>-1312478.3716760899</c:v>
                </c:pt>
                <c:pt idx="5818">
                  <c:v>-1313680.53082837</c:v>
                </c:pt>
                <c:pt idx="5819">
                  <c:v>-1328672.9037774201</c:v>
                </c:pt>
                <c:pt idx="5820">
                  <c:v>-1324439.1649410501</c:v>
                </c:pt>
                <c:pt idx="5821">
                  <c:v>-1325389.07993055</c:v>
                </c:pt>
                <c:pt idx="5822">
                  <c:v>-1314581.11281844</c:v>
                </c:pt>
                <c:pt idx="5823">
                  <c:v>-1296886.89895985</c:v>
                </c:pt>
                <c:pt idx="5824">
                  <c:v>-1297832.4233216001</c:v>
                </c:pt>
                <c:pt idx="5825">
                  <c:v>-1292916.65764822</c:v>
                </c:pt>
                <c:pt idx="5826">
                  <c:v>-1291999.10164852</c:v>
                </c:pt>
                <c:pt idx="5827">
                  <c:v>-1295574.0951390399</c:v>
                </c:pt>
                <c:pt idx="5828">
                  <c:v>-1296151.51882825</c:v>
                </c:pt>
                <c:pt idx="5829">
                  <c:v>-1292363.27559582</c:v>
                </c:pt>
                <c:pt idx="5830">
                  <c:v>-1293670.0829405601</c:v>
                </c:pt>
                <c:pt idx="5831">
                  <c:v>-1299374.54451565</c:v>
                </c:pt>
                <c:pt idx="5832">
                  <c:v>-1301831.1240761401</c:v>
                </c:pt>
                <c:pt idx="5833">
                  <c:v>-1302043.8883142599</c:v>
                </c:pt>
                <c:pt idx="5834">
                  <c:v>-1300000.0941611701</c:v>
                </c:pt>
                <c:pt idx="5835">
                  <c:v>-1291793.3877230401</c:v>
                </c:pt>
                <c:pt idx="5836">
                  <c:v>-1314225.8413770499</c:v>
                </c:pt>
                <c:pt idx="5837">
                  <c:v>-1315364.70113879</c:v>
                </c:pt>
                <c:pt idx="5838">
                  <c:v>-1312401.9684508401</c:v>
                </c:pt>
                <c:pt idx="5839">
                  <c:v>-1320342.8484708599</c:v>
                </c:pt>
                <c:pt idx="5840">
                  <c:v>-1317589.9918012901</c:v>
                </c:pt>
                <c:pt idx="5841">
                  <c:v>-1311995.91598693</c:v>
                </c:pt>
                <c:pt idx="5842">
                  <c:v>-1319958.3521241799</c:v>
                </c:pt>
                <c:pt idx="5843">
                  <c:v>-1329128.9239300101</c:v>
                </c:pt>
                <c:pt idx="5844">
                  <c:v>-1325094.28456587</c:v>
                </c:pt>
                <c:pt idx="5845">
                  <c:v>-1322153.20096218</c:v>
                </c:pt>
                <c:pt idx="5846">
                  <c:v>-1325602.5091888199</c:v>
                </c:pt>
                <c:pt idx="5847">
                  <c:v>-1341227.63713778</c:v>
                </c:pt>
                <c:pt idx="5848">
                  <c:v>-1341227.63713778</c:v>
                </c:pt>
                <c:pt idx="5849">
                  <c:v>-1339173.05155894</c:v>
                </c:pt>
                <c:pt idx="5850">
                  <c:v>-1340561.70090972</c:v>
                </c:pt>
                <c:pt idx="5851">
                  <c:v>-1330772.77430365</c:v>
                </c:pt>
                <c:pt idx="5852">
                  <c:v>-1329384.37528333</c:v>
                </c:pt>
                <c:pt idx="5853">
                  <c:v>-1313383.93630186</c:v>
                </c:pt>
                <c:pt idx="5854">
                  <c:v>-1309743.00167243</c:v>
                </c:pt>
                <c:pt idx="5855">
                  <c:v>-1302696.01025436</c:v>
                </c:pt>
                <c:pt idx="5856">
                  <c:v>-1286340.4905904301</c:v>
                </c:pt>
                <c:pt idx="5857">
                  <c:v>-1283715.4482418899</c:v>
                </c:pt>
                <c:pt idx="5858">
                  <c:v>-1286954.9135463999</c:v>
                </c:pt>
                <c:pt idx="5859">
                  <c:v>-1286954.9135463999</c:v>
                </c:pt>
                <c:pt idx="5860">
                  <c:v>-1282608.3308202701</c:v>
                </c:pt>
                <c:pt idx="5861">
                  <c:v>-1273606.00107058</c:v>
                </c:pt>
                <c:pt idx="5862">
                  <c:v>-1277646.7135844301</c:v>
                </c:pt>
                <c:pt idx="5863">
                  <c:v>-1284820.4896901001</c:v>
                </c:pt>
                <c:pt idx="5864">
                  <c:v>-1282017.7741495001</c:v>
                </c:pt>
                <c:pt idx="5865">
                  <c:v>-1280974.3615510501</c:v>
                </c:pt>
                <c:pt idx="5866">
                  <c:v>-1279589.0089712101</c:v>
                </c:pt>
                <c:pt idx="5867">
                  <c:v>-1279868.76190211</c:v>
                </c:pt>
                <c:pt idx="5868">
                  <c:v>-1271713.2868600001</c:v>
                </c:pt>
                <c:pt idx="5869">
                  <c:v>-1252089.2726497899</c:v>
                </c:pt>
                <c:pt idx="5870">
                  <c:v>-1247467.3859139599</c:v>
                </c:pt>
                <c:pt idx="5871">
                  <c:v>-1249568.9788896199</c:v>
                </c:pt>
                <c:pt idx="5872">
                  <c:v>-1251237.82663713</c:v>
                </c:pt>
                <c:pt idx="5873">
                  <c:v>-1245599.75671923</c:v>
                </c:pt>
                <c:pt idx="5874">
                  <c:v>-1245368.2770475401</c:v>
                </c:pt>
                <c:pt idx="5875">
                  <c:v>-1246493.28534458</c:v>
                </c:pt>
                <c:pt idx="5876">
                  <c:v>-1243513.9249694599</c:v>
                </c:pt>
                <c:pt idx="5877">
                  <c:v>-1244555.5452851199</c:v>
                </c:pt>
                <c:pt idx="5878">
                  <c:v>-1236995.1705114001</c:v>
                </c:pt>
                <c:pt idx="5879">
                  <c:v>-1238083.6461400101</c:v>
                </c:pt>
                <c:pt idx="5880">
                  <c:v>-1234635.7034577101</c:v>
                </c:pt>
                <c:pt idx="5881">
                  <c:v>-1262852.90535807</c:v>
                </c:pt>
                <c:pt idx="5882">
                  <c:v>-1265785.10764888</c:v>
                </c:pt>
                <c:pt idx="5883">
                  <c:v>-1242751.4808984899</c:v>
                </c:pt>
                <c:pt idx="5884">
                  <c:v>-1241874.6968864701</c:v>
                </c:pt>
                <c:pt idx="5885">
                  <c:v>-1240033.4817742601</c:v>
                </c:pt>
                <c:pt idx="5886">
                  <c:v>-1243529.0617861</c:v>
                </c:pt>
                <c:pt idx="5887">
                  <c:v>-1242475.2639595999</c:v>
                </c:pt>
                <c:pt idx="5888">
                  <c:v>-1242739.95694285</c:v>
                </c:pt>
                <c:pt idx="5889">
                  <c:v>-1240789.32023663</c:v>
                </c:pt>
                <c:pt idx="5890">
                  <c:v>-1239990.3800254499</c:v>
                </c:pt>
                <c:pt idx="5891">
                  <c:v>-1243292.09558322</c:v>
                </c:pt>
                <c:pt idx="5892">
                  <c:v>-1258745.6188739999</c:v>
                </c:pt>
                <c:pt idx="5893">
                  <c:v>-1258011.29168691</c:v>
                </c:pt>
                <c:pt idx="5894">
                  <c:v>-1265519.7604153</c:v>
                </c:pt>
                <c:pt idx="5895">
                  <c:v>-1268925.23093553</c:v>
                </c:pt>
                <c:pt idx="5896">
                  <c:v>-1266407.9717385599</c:v>
                </c:pt>
                <c:pt idx="5897">
                  <c:v>-1257386.4818247899</c:v>
                </c:pt>
                <c:pt idx="5898">
                  <c:v>-1256956.3904746801</c:v>
                </c:pt>
                <c:pt idx="5899">
                  <c:v>-1256956.3904746801</c:v>
                </c:pt>
                <c:pt idx="5900">
                  <c:v>-1250660.7570275599</c:v>
                </c:pt>
                <c:pt idx="5901">
                  <c:v>-1252292.19482195</c:v>
                </c:pt>
                <c:pt idx="5902">
                  <c:v>-1246863.4389046601</c:v>
                </c:pt>
                <c:pt idx="5903">
                  <c:v>-1242934.81871259</c:v>
                </c:pt>
                <c:pt idx="5904">
                  <c:v>-1240254.35206402</c:v>
                </c:pt>
                <c:pt idx="5905">
                  <c:v>-1236507.7531911901</c:v>
                </c:pt>
                <c:pt idx="5906">
                  <c:v>-1235919.4464755701</c:v>
                </c:pt>
                <c:pt idx="5907">
                  <c:v>-1239633.1777778601</c:v>
                </c:pt>
                <c:pt idx="5908">
                  <c:v>-1230041.5019982699</c:v>
                </c:pt>
                <c:pt idx="5909">
                  <c:v>-1222857.1712291201</c:v>
                </c:pt>
                <c:pt idx="5910">
                  <c:v>-1218261.6678383399</c:v>
                </c:pt>
                <c:pt idx="5911">
                  <c:v>-1211762.59261682</c:v>
                </c:pt>
                <c:pt idx="5912">
                  <c:v>-1210948.19109544</c:v>
                </c:pt>
                <c:pt idx="5913">
                  <c:v>-1210041.9139880701</c:v>
                </c:pt>
                <c:pt idx="5914">
                  <c:v>-1225943.4907323299</c:v>
                </c:pt>
                <c:pt idx="5915">
                  <c:v>-1234751.15518957</c:v>
                </c:pt>
                <c:pt idx="5916">
                  <c:v>-1234751.15518957</c:v>
                </c:pt>
                <c:pt idx="5917">
                  <c:v>-1237845.18148813</c:v>
                </c:pt>
                <c:pt idx="5918">
                  <c:v>-1245645.06495832</c:v>
                </c:pt>
                <c:pt idx="5919">
                  <c:v>-1238125.8436501799</c:v>
                </c:pt>
                <c:pt idx="5920">
                  <c:v>-1240707.5924869899</c:v>
                </c:pt>
                <c:pt idx="5921">
                  <c:v>-1242093.39740363</c:v>
                </c:pt>
                <c:pt idx="5922">
                  <c:v>-1245831.0806282901</c:v>
                </c:pt>
                <c:pt idx="5923">
                  <c:v>-1250404.21956983</c:v>
                </c:pt>
                <c:pt idx="5924">
                  <c:v>-1244795.64746209</c:v>
                </c:pt>
                <c:pt idx="5925">
                  <c:v>-1245220.290245</c:v>
                </c:pt>
                <c:pt idx="5926">
                  <c:v>-1242767.3773208901</c:v>
                </c:pt>
                <c:pt idx="5927">
                  <c:v>-1243398.7987877401</c:v>
                </c:pt>
                <c:pt idx="5928">
                  <c:v>-1231478.2969835</c:v>
                </c:pt>
                <c:pt idx="5929">
                  <c:v>-1232256.7343359301</c:v>
                </c:pt>
                <c:pt idx="5930">
                  <c:v>-1233080.6958985899</c:v>
                </c:pt>
                <c:pt idx="5931">
                  <c:v>-1233259.9191390099</c:v>
                </c:pt>
                <c:pt idx="5932">
                  <c:v>-1227742.27092949</c:v>
                </c:pt>
                <c:pt idx="5933">
                  <c:v>-1223866.35261082</c:v>
                </c:pt>
                <c:pt idx="5934">
                  <c:v>-1218760.95540946</c:v>
                </c:pt>
                <c:pt idx="5935">
                  <c:v>-1221033.95395791</c:v>
                </c:pt>
                <c:pt idx="5936">
                  <c:v>-1226306.04318018</c:v>
                </c:pt>
                <c:pt idx="5937">
                  <c:v>-1226965.88433592</c:v>
                </c:pt>
                <c:pt idx="5938">
                  <c:v>-1225269.5433448399</c:v>
                </c:pt>
                <c:pt idx="5939">
                  <c:v>-1214555.2629251</c:v>
                </c:pt>
                <c:pt idx="5940">
                  <c:v>-1220466.01181297</c:v>
                </c:pt>
                <c:pt idx="5941">
                  <c:v>-1217520.5184808599</c:v>
                </c:pt>
                <c:pt idx="5942">
                  <c:v>-1208007.11355603</c:v>
                </c:pt>
                <c:pt idx="5943">
                  <c:v>-1190574.2575304201</c:v>
                </c:pt>
                <c:pt idx="5944">
                  <c:v>-1180257.92167336</c:v>
                </c:pt>
                <c:pt idx="5945">
                  <c:v>-1180257.92167336</c:v>
                </c:pt>
                <c:pt idx="5946">
                  <c:v>-1176250.12428767</c:v>
                </c:pt>
                <c:pt idx="5947">
                  <c:v>-1178009.61119351</c:v>
                </c:pt>
                <c:pt idx="5948">
                  <c:v>-1180336.74679316</c:v>
                </c:pt>
                <c:pt idx="5949">
                  <c:v>-1181524.42562448</c:v>
                </c:pt>
                <c:pt idx="5950">
                  <c:v>-1186228.27549368</c:v>
                </c:pt>
                <c:pt idx="5951">
                  <c:v>-1183437.1417656499</c:v>
                </c:pt>
                <c:pt idx="5952">
                  <c:v>-1184158.62364885</c:v>
                </c:pt>
                <c:pt idx="5953">
                  <c:v>-1184704.3515968299</c:v>
                </c:pt>
                <c:pt idx="5954">
                  <c:v>-1184301.3937699599</c:v>
                </c:pt>
                <c:pt idx="5955">
                  <c:v>-1181638.43366869</c:v>
                </c:pt>
                <c:pt idx="5956">
                  <c:v>-1166666.255135</c:v>
                </c:pt>
                <c:pt idx="5957">
                  <c:v>-1166993.65379644</c:v>
                </c:pt>
                <c:pt idx="5958">
                  <c:v>-1158220.38991977</c:v>
                </c:pt>
                <c:pt idx="5959">
                  <c:v>-1170172.25342938</c:v>
                </c:pt>
                <c:pt idx="5960">
                  <c:v>-1172481.8448000101</c:v>
                </c:pt>
                <c:pt idx="5961">
                  <c:v>-1169654.08162607</c:v>
                </c:pt>
                <c:pt idx="5962">
                  <c:v>-1161984.8263409699</c:v>
                </c:pt>
                <c:pt idx="5963">
                  <c:v>-1173889.33318447</c:v>
                </c:pt>
                <c:pt idx="5964">
                  <c:v>-1176375.6952744999</c:v>
                </c:pt>
                <c:pt idx="5965">
                  <c:v>-1170999.0384738501</c:v>
                </c:pt>
                <c:pt idx="5966">
                  <c:v>-1167632.19063408</c:v>
                </c:pt>
                <c:pt idx="5967">
                  <c:v>-1155514.2088179099</c:v>
                </c:pt>
                <c:pt idx="5968">
                  <c:v>-1171192.51580961</c:v>
                </c:pt>
                <c:pt idx="5969">
                  <c:v>-1163598.7618887399</c:v>
                </c:pt>
                <c:pt idx="5970">
                  <c:v>-1164447.4044966199</c:v>
                </c:pt>
                <c:pt idx="5971">
                  <c:v>-1171647.4858069001</c:v>
                </c:pt>
                <c:pt idx="5972">
                  <c:v>-1175695.7540535</c:v>
                </c:pt>
                <c:pt idx="5973">
                  <c:v>-1176743.34872727</c:v>
                </c:pt>
                <c:pt idx="5974">
                  <c:v>-1174487.90644417</c:v>
                </c:pt>
                <c:pt idx="5975">
                  <c:v>-1170350.8640127201</c:v>
                </c:pt>
                <c:pt idx="5976">
                  <c:v>-1174034.91844764</c:v>
                </c:pt>
                <c:pt idx="5977">
                  <c:v>-1161766.05819373</c:v>
                </c:pt>
                <c:pt idx="5978">
                  <c:v>-1158595.79502572</c:v>
                </c:pt>
                <c:pt idx="5979">
                  <c:v>-1163251.8894398599</c:v>
                </c:pt>
                <c:pt idx="5980">
                  <c:v>-1163251.8894398599</c:v>
                </c:pt>
                <c:pt idx="5981">
                  <c:v>-1165218.29953263</c:v>
                </c:pt>
                <c:pt idx="5982">
                  <c:v>-1164343.1384191699</c:v>
                </c:pt>
                <c:pt idx="5983">
                  <c:v>-1173394.82611695</c:v>
                </c:pt>
                <c:pt idx="5984">
                  <c:v>-1186714.99654141</c:v>
                </c:pt>
                <c:pt idx="5985">
                  <c:v>-1169811.28692707</c:v>
                </c:pt>
                <c:pt idx="5986">
                  <c:v>-1170254.0641924001</c:v>
                </c:pt>
                <c:pt idx="5987">
                  <c:v>-1154839.4749818901</c:v>
                </c:pt>
                <c:pt idx="5988">
                  <c:v>-1154354.7971179499</c:v>
                </c:pt>
                <c:pt idx="5989">
                  <c:v>-1148067.6470365101</c:v>
                </c:pt>
                <c:pt idx="5990">
                  <c:v>-1149796.4148357201</c:v>
                </c:pt>
                <c:pt idx="5991">
                  <c:v>-1141529.94923381</c:v>
                </c:pt>
                <c:pt idx="5992">
                  <c:v>-1158621.59081563</c:v>
                </c:pt>
                <c:pt idx="5993">
                  <c:v>-1150040.1684849299</c:v>
                </c:pt>
                <c:pt idx="5994">
                  <c:v>-1150040.1684849299</c:v>
                </c:pt>
                <c:pt idx="5995">
                  <c:v>-1151492.81963171</c:v>
                </c:pt>
                <c:pt idx="5996">
                  <c:v>-1147851.7847349001</c:v>
                </c:pt>
                <c:pt idx="5997">
                  <c:v>-1132821.8120254599</c:v>
                </c:pt>
                <c:pt idx="5998">
                  <c:v>-1151667.0182996099</c:v>
                </c:pt>
                <c:pt idx="5999">
                  <c:v>-1137376.6210378299</c:v>
                </c:pt>
                <c:pt idx="6000">
                  <c:v>-1144436.9029325801</c:v>
                </c:pt>
                <c:pt idx="6001">
                  <c:v>-1133375.2797647801</c:v>
                </c:pt>
                <c:pt idx="6002">
                  <c:v>-1129479.61017003</c:v>
                </c:pt>
                <c:pt idx="6003">
                  <c:v>-1150811.72660764</c:v>
                </c:pt>
                <c:pt idx="6004">
                  <c:v>-1146425.33469976</c:v>
                </c:pt>
                <c:pt idx="6005">
                  <c:v>-1155563.5013454901</c:v>
                </c:pt>
                <c:pt idx="6006">
                  <c:v>-1158989.9267021101</c:v>
                </c:pt>
                <c:pt idx="6007">
                  <c:v>-1154964.9527793999</c:v>
                </c:pt>
                <c:pt idx="6008">
                  <c:v>-1151821.5943318701</c:v>
                </c:pt>
                <c:pt idx="6009">
                  <c:v>-1140058.0370569001</c:v>
                </c:pt>
                <c:pt idx="6010">
                  <c:v>-1135020.78631054</c:v>
                </c:pt>
                <c:pt idx="6011">
                  <c:v>-1135020.78631054</c:v>
                </c:pt>
                <c:pt idx="6012">
                  <c:v>-1130667.57728012</c:v>
                </c:pt>
                <c:pt idx="6013">
                  <c:v>-1124635.9401266</c:v>
                </c:pt>
                <c:pt idx="6014">
                  <c:v>-1117444.59382632</c:v>
                </c:pt>
                <c:pt idx="6015">
                  <c:v>-1114927.98469336</c:v>
                </c:pt>
                <c:pt idx="6016">
                  <c:v>-1103988.91161473</c:v>
                </c:pt>
                <c:pt idx="6017">
                  <c:v>-1108387.25779681</c:v>
                </c:pt>
                <c:pt idx="6018">
                  <c:v>-1110620.19072687</c:v>
                </c:pt>
                <c:pt idx="6019">
                  <c:v>-1106359.09566384</c:v>
                </c:pt>
                <c:pt idx="6020">
                  <c:v>-1105416.7082565799</c:v>
                </c:pt>
                <c:pt idx="6021">
                  <c:v>-1104359.90585462</c:v>
                </c:pt>
                <c:pt idx="6022">
                  <c:v>-1102656.43444043</c:v>
                </c:pt>
                <c:pt idx="6023">
                  <c:v>-1109181.41951884</c:v>
                </c:pt>
                <c:pt idx="6024">
                  <c:v>-1112746.6340944599</c:v>
                </c:pt>
                <c:pt idx="6025">
                  <c:v>-1109492.77073138</c:v>
                </c:pt>
                <c:pt idx="6026">
                  <c:v>-1136229.4772655</c:v>
                </c:pt>
                <c:pt idx="6027">
                  <c:v>-1111965.66480103</c:v>
                </c:pt>
                <c:pt idx="6028">
                  <c:v>-1110709.4397392101</c:v>
                </c:pt>
                <c:pt idx="6029">
                  <c:v>-1111607.1442406201</c:v>
                </c:pt>
                <c:pt idx="6030">
                  <c:v>-1111855.56661287</c:v>
                </c:pt>
                <c:pt idx="6031">
                  <c:v>-1110468.9309815699</c:v>
                </c:pt>
                <c:pt idx="6032">
                  <c:v>-1103749.0110446401</c:v>
                </c:pt>
                <c:pt idx="6033">
                  <c:v>-1106029.1074405599</c:v>
                </c:pt>
                <c:pt idx="6034">
                  <c:v>-1113681.52021996</c:v>
                </c:pt>
                <c:pt idx="6035">
                  <c:v>-1111803.3181079</c:v>
                </c:pt>
                <c:pt idx="6036">
                  <c:v>-1110436.7080344299</c:v>
                </c:pt>
                <c:pt idx="6037">
                  <c:v>-1107197.7910611699</c:v>
                </c:pt>
                <c:pt idx="6038">
                  <c:v>-1113982.1415212599</c:v>
                </c:pt>
                <c:pt idx="6039">
                  <c:v>-1120415.19546271</c:v>
                </c:pt>
                <c:pt idx="6040">
                  <c:v>-1123263.0617625101</c:v>
                </c:pt>
                <c:pt idx="6041">
                  <c:v>-1123580.4091542</c:v>
                </c:pt>
                <c:pt idx="6042">
                  <c:v>-1124868.2653435699</c:v>
                </c:pt>
                <c:pt idx="6043">
                  <c:v>-1124244.45196026</c:v>
                </c:pt>
                <c:pt idx="6044">
                  <c:v>-1124049.6806830899</c:v>
                </c:pt>
                <c:pt idx="6045">
                  <c:v>-1120341.0183313601</c:v>
                </c:pt>
                <c:pt idx="6046">
                  <c:v>-1120341.0183313601</c:v>
                </c:pt>
                <c:pt idx="6047">
                  <c:v>-1120594.1017294901</c:v>
                </c:pt>
                <c:pt idx="6048">
                  <c:v>-1123278.0473441</c:v>
                </c:pt>
                <c:pt idx="6049">
                  <c:v>-1114901.8942387199</c:v>
                </c:pt>
                <c:pt idx="6050">
                  <c:v>-1114901.8942387199</c:v>
                </c:pt>
                <c:pt idx="6051">
                  <c:v>-1114901.8942387199</c:v>
                </c:pt>
                <c:pt idx="6052">
                  <c:v>-1120357.5990757099</c:v>
                </c:pt>
                <c:pt idx="6053">
                  <c:v>-1121574.93441596</c:v>
                </c:pt>
                <c:pt idx="6054">
                  <c:v>-1128149.17063193</c:v>
                </c:pt>
                <c:pt idx="6055">
                  <c:v>-1131061.1717247099</c:v>
                </c:pt>
                <c:pt idx="6056">
                  <c:v>-1125682.0435490799</c:v>
                </c:pt>
                <c:pt idx="6057">
                  <c:v>-1120044.03392606</c:v>
                </c:pt>
                <c:pt idx="6058">
                  <c:v>-1124054.07968464</c:v>
                </c:pt>
                <c:pt idx="6059">
                  <c:v>-1123912.25343733</c:v>
                </c:pt>
                <c:pt idx="6060">
                  <c:v>-1125549.2509633501</c:v>
                </c:pt>
                <c:pt idx="6061">
                  <c:v>-1131964.94642605</c:v>
                </c:pt>
                <c:pt idx="6062">
                  <c:v>-1136359.3030745201</c:v>
                </c:pt>
                <c:pt idx="6063">
                  <c:v>-1135871.00240986</c:v>
                </c:pt>
                <c:pt idx="6064">
                  <c:v>-1142663.74736524</c:v>
                </c:pt>
                <c:pt idx="6065">
                  <c:v>-1142587.8289735799</c:v>
                </c:pt>
                <c:pt idx="6066">
                  <c:v>-1137313.8745696601</c:v>
                </c:pt>
                <c:pt idx="6067">
                  <c:v>-1137313.8745696601</c:v>
                </c:pt>
                <c:pt idx="6068">
                  <c:v>-1128240.25918131</c:v>
                </c:pt>
                <c:pt idx="6069">
                  <c:v>-1137312.8867671699</c:v>
                </c:pt>
                <c:pt idx="6070">
                  <c:v>-1127637.33358807</c:v>
                </c:pt>
                <c:pt idx="6071">
                  <c:v>-1128546.6860022401</c:v>
                </c:pt>
                <c:pt idx="6072">
                  <c:v>-1129062.6241297</c:v>
                </c:pt>
                <c:pt idx="6073">
                  <c:v>-1127144.99935559</c:v>
                </c:pt>
                <c:pt idx="6074">
                  <c:v>-1133062.5365438601</c:v>
                </c:pt>
                <c:pt idx="6075">
                  <c:v>-1133006.8242204201</c:v>
                </c:pt>
                <c:pt idx="6076">
                  <c:v>-1132622.6607388</c:v>
                </c:pt>
                <c:pt idx="6077">
                  <c:v>-1126732.9847619301</c:v>
                </c:pt>
                <c:pt idx="6078">
                  <c:v>-1129075.46098735</c:v>
                </c:pt>
                <c:pt idx="6079">
                  <c:v>-1129328.41006905</c:v>
                </c:pt>
                <c:pt idx="6080">
                  <c:v>-1138014.4672826901</c:v>
                </c:pt>
                <c:pt idx="6081">
                  <c:v>-1137943.3518792801</c:v>
                </c:pt>
                <c:pt idx="6082">
                  <c:v>-1118944.9204679001</c:v>
                </c:pt>
                <c:pt idx="6083">
                  <c:v>-1118142.9091990499</c:v>
                </c:pt>
                <c:pt idx="6084">
                  <c:v>-1118142.9091990499</c:v>
                </c:pt>
                <c:pt idx="6085">
                  <c:v>-1109350.4444575</c:v>
                </c:pt>
                <c:pt idx="6086">
                  <c:v>-1110402.30411862</c:v>
                </c:pt>
                <c:pt idx="6087">
                  <c:v>-1102640.7024912699</c:v>
                </c:pt>
                <c:pt idx="6088">
                  <c:v>-1116828.8008345901</c:v>
                </c:pt>
                <c:pt idx="6089">
                  <c:v>-1127205.9468316101</c:v>
                </c:pt>
                <c:pt idx="6090">
                  <c:v>-1124747.99305184</c:v>
                </c:pt>
                <c:pt idx="6091">
                  <c:v>-1126499.05618413</c:v>
                </c:pt>
                <c:pt idx="6092">
                  <c:v>-1123904.88423597</c:v>
                </c:pt>
                <c:pt idx="6093">
                  <c:v>-1122859.24482369</c:v>
                </c:pt>
                <c:pt idx="6094">
                  <c:v>-1116711.4952364599</c:v>
                </c:pt>
                <c:pt idx="6095">
                  <c:v>-1116265.3316418801</c:v>
                </c:pt>
                <c:pt idx="6096">
                  <c:v>-1116265.3316418801</c:v>
                </c:pt>
                <c:pt idx="6097">
                  <c:v>-1114174.6844858199</c:v>
                </c:pt>
                <c:pt idx="6098">
                  <c:v>-1112972.4086331299</c:v>
                </c:pt>
                <c:pt idx="6099">
                  <c:v>-1111990.41829602</c:v>
                </c:pt>
                <c:pt idx="6100">
                  <c:v>-1124195.59389565</c:v>
                </c:pt>
                <c:pt idx="6101">
                  <c:v>-1137864.7918190199</c:v>
                </c:pt>
                <c:pt idx="6102">
                  <c:v>-1131582.8800625999</c:v>
                </c:pt>
                <c:pt idx="6103">
                  <c:v>-1128435.9418671499</c:v>
                </c:pt>
                <c:pt idx="6104">
                  <c:v>-1124740.38725111</c:v>
                </c:pt>
                <c:pt idx="6105">
                  <c:v>-1124829.3928847299</c:v>
                </c:pt>
                <c:pt idx="6106">
                  <c:v>-1125068.0319203699</c:v>
                </c:pt>
                <c:pt idx="6107">
                  <c:v>-1125068.0319203699</c:v>
                </c:pt>
                <c:pt idx="6108">
                  <c:v>-1120691.98087068</c:v>
                </c:pt>
                <c:pt idx="6109">
                  <c:v>-1115787.75483736</c:v>
                </c:pt>
                <c:pt idx="6110">
                  <c:v>-1115787.75483736</c:v>
                </c:pt>
                <c:pt idx="6111">
                  <c:v>-1107795.53691238</c:v>
                </c:pt>
                <c:pt idx="6112">
                  <c:v>-1108789.5985397501</c:v>
                </c:pt>
                <c:pt idx="6113">
                  <c:v>-1111237.61364368</c:v>
                </c:pt>
                <c:pt idx="6114">
                  <c:v>-1108194.01183</c:v>
                </c:pt>
                <c:pt idx="6115">
                  <c:v>-1097584.83612367</c:v>
                </c:pt>
                <c:pt idx="6116">
                  <c:v>-1114667.8306688201</c:v>
                </c:pt>
                <c:pt idx="6117">
                  <c:v>-1113979.8417030801</c:v>
                </c:pt>
                <c:pt idx="6118">
                  <c:v>-1106040.5731111299</c:v>
                </c:pt>
                <c:pt idx="6119">
                  <c:v>-1108795.87099421</c:v>
                </c:pt>
                <c:pt idx="6120">
                  <c:v>-1108795.87099421</c:v>
                </c:pt>
                <c:pt idx="6121">
                  <c:v>-1106812.85645964</c:v>
                </c:pt>
                <c:pt idx="6122">
                  <c:v>-1103067.6240381401</c:v>
                </c:pt>
                <c:pt idx="6123">
                  <c:v>-1099013.6517743201</c:v>
                </c:pt>
                <c:pt idx="6124">
                  <c:v>-1092777.7449116099</c:v>
                </c:pt>
                <c:pt idx="6125">
                  <c:v>-1095360.14587105</c:v>
                </c:pt>
                <c:pt idx="6126">
                  <c:v>-1094055.6079530199</c:v>
                </c:pt>
                <c:pt idx="6127">
                  <c:v>-1095245.1893130201</c:v>
                </c:pt>
                <c:pt idx="6128">
                  <c:v>-1092778.95103173</c:v>
                </c:pt>
                <c:pt idx="6129">
                  <c:v>-1094411.71361145</c:v>
                </c:pt>
                <c:pt idx="6130">
                  <c:v>-1093233.9876685501</c:v>
                </c:pt>
                <c:pt idx="6131">
                  <c:v>-1100537.46621916</c:v>
                </c:pt>
                <c:pt idx="6132">
                  <c:v>-1099035.9528046199</c:v>
                </c:pt>
                <c:pt idx="6133">
                  <c:v>-1088618.9276574899</c:v>
                </c:pt>
                <c:pt idx="6134">
                  <c:v>-1078804.0504177299</c:v>
                </c:pt>
                <c:pt idx="6135">
                  <c:v>-1075733.56691791</c:v>
                </c:pt>
                <c:pt idx="6136">
                  <c:v>-1072858.5898605201</c:v>
                </c:pt>
                <c:pt idx="6137">
                  <c:v>-1075926.61651592</c:v>
                </c:pt>
                <c:pt idx="6138">
                  <c:v>-1070502.28157785</c:v>
                </c:pt>
                <c:pt idx="6139">
                  <c:v>-1060379.17650215</c:v>
                </c:pt>
                <c:pt idx="6140">
                  <c:v>-1060614.2286589399</c:v>
                </c:pt>
                <c:pt idx="6141">
                  <c:v>-1068711.3639123801</c:v>
                </c:pt>
                <c:pt idx="6142">
                  <c:v>-1068251.7465977599</c:v>
                </c:pt>
                <c:pt idx="6143">
                  <c:v>-1057534.0156233199</c:v>
                </c:pt>
                <c:pt idx="6144">
                  <c:v>-1060293.87974453</c:v>
                </c:pt>
                <c:pt idx="6145">
                  <c:v>-1055263.0819010499</c:v>
                </c:pt>
                <c:pt idx="6146">
                  <c:v>-1051244.2565783099</c:v>
                </c:pt>
                <c:pt idx="6147">
                  <c:v>-1043598.81442984</c:v>
                </c:pt>
                <c:pt idx="6148">
                  <c:v>-1045040.05425203</c:v>
                </c:pt>
                <c:pt idx="6149">
                  <c:v>-1040201.6895186401</c:v>
                </c:pt>
                <c:pt idx="6150">
                  <c:v>-1044679.71144219</c:v>
                </c:pt>
                <c:pt idx="6151">
                  <c:v>-1047489.25714376</c:v>
                </c:pt>
                <c:pt idx="6152">
                  <c:v>-1041762.80858434</c:v>
                </c:pt>
                <c:pt idx="6153">
                  <c:v>-1042839.1177341701</c:v>
                </c:pt>
                <c:pt idx="6154">
                  <c:v>-1042839.1177341701</c:v>
                </c:pt>
                <c:pt idx="6155">
                  <c:v>-1042325.97975961</c:v>
                </c:pt>
                <c:pt idx="6156">
                  <c:v>-1041068.03157382</c:v>
                </c:pt>
                <c:pt idx="6157">
                  <c:v>-1042367.43859493</c:v>
                </c:pt>
                <c:pt idx="6158">
                  <c:v>-1042270.14336289</c:v>
                </c:pt>
                <c:pt idx="6159">
                  <c:v>-1043913.89088828</c:v>
                </c:pt>
                <c:pt idx="6160">
                  <c:v>-1043362.92901273</c:v>
                </c:pt>
                <c:pt idx="6161">
                  <c:v>-1047327.21967684</c:v>
                </c:pt>
                <c:pt idx="6162">
                  <c:v>-1048196.55145592</c:v>
                </c:pt>
                <c:pt idx="6163">
                  <c:v>-1047730.11873558</c:v>
                </c:pt>
                <c:pt idx="6164">
                  <c:v>-1049174.61574754</c:v>
                </c:pt>
                <c:pt idx="6165">
                  <c:v>-1049203.8230194801</c:v>
                </c:pt>
                <c:pt idx="6166">
                  <c:v>-1040047.98011756</c:v>
                </c:pt>
                <c:pt idx="6167">
                  <c:v>-1036684.3875543399</c:v>
                </c:pt>
                <c:pt idx="6168">
                  <c:v>-1040354.33245774</c:v>
                </c:pt>
                <c:pt idx="6169">
                  <c:v>-1042528.34252812</c:v>
                </c:pt>
                <c:pt idx="6170">
                  <c:v>-1044548.5741229</c:v>
                </c:pt>
                <c:pt idx="6171">
                  <c:v>-1049013.1646275001</c:v>
                </c:pt>
                <c:pt idx="6172">
                  <c:v>-1049013.1646275001</c:v>
                </c:pt>
                <c:pt idx="6173">
                  <c:v>-1052463.5803010501</c:v>
                </c:pt>
                <c:pt idx="6174">
                  <c:v>-1049939.84312863</c:v>
                </c:pt>
                <c:pt idx="6175">
                  <c:v>-1046480.2280209101</c:v>
                </c:pt>
                <c:pt idx="6176">
                  <c:v>-1045359.95373383</c:v>
                </c:pt>
                <c:pt idx="6177">
                  <c:v>-1040594.3982122</c:v>
                </c:pt>
                <c:pt idx="6178">
                  <c:v>-1040594.3982122</c:v>
                </c:pt>
                <c:pt idx="6179">
                  <c:v>-1033797.16339335</c:v>
                </c:pt>
                <c:pt idx="6180">
                  <c:v>-1036054.59717834</c:v>
                </c:pt>
                <c:pt idx="6181">
                  <c:v>-1031660.9370578401</c:v>
                </c:pt>
                <c:pt idx="6182">
                  <c:v>-1030618.24379764</c:v>
                </c:pt>
                <c:pt idx="6183">
                  <c:v>-1029308.91533339</c:v>
                </c:pt>
                <c:pt idx="6184">
                  <c:v>-1032399.51455586</c:v>
                </c:pt>
                <c:pt idx="6185">
                  <c:v>-1039105.18785418</c:v>
                </c:pt>
                <c:pt idx="6186">
                  <c:v>-1042851.32697791</c:v>
                </c:pt>
                <c:pt idx="6187">
                  <c:v>-1043397.03516993</c:v>
                </c:pt>
                <c:pt idx="6188">
                  <c:v>-1037824.53104545</c:v>
                </c:pt>
                <c:pt idx="6189">
                  <c:v>-1038594.23567071</c:v>
                </c:pt>
                <c:pt idx="6190">
                  <c:v>-1038101.08167684</c:v>
                </c:pt>
                <c:pt idx="6191">
                  <c:v>-1038101.08167684</c:v>
                </c:pt>
                <c:pt idx="6192">
                  <c:v>-1059201.9241585601</c:v>
                </c:pt>
                <c:pt idx="6193">
                  <c:v>-1050012.4745388499</c:v>
                </c:pt>
                <c:pt idx="6194">
                  <c:v>-1051351.93102872</c:v>
                </c:pt>
                <c:pt idx="6195">
                  <c:v>-1047828.82533904</c:v>
                </c:pt>
                <c:pt idx="6196">
                  <c:v>-1045429.21401261</c:v>
                </c:pt>
                <c:pt idx="6197">
                  <c:v>-1047703.10824339</c:v>
                </c:pt>
                <c:pt idx="6198">
                  <c:v>-1043834.73010407</c:v>
                </c:pt>
                <c:pt idx="6199">
                  <c:v>-1040993.7957678901</c:v>
                </c:pt>
                <c:pt idx="6200">
                  <c:v>-1041494.2376348</c:v>
                </c:pt>
                <c:pt idx="6201">
                  <c:v>-1034105.78174051</c:v>
                </c:pt>
                <c:pt idx="6202">
                  <c:v>-1030450.93210025</c:v>
                </c:pt>
                <c:pt idx="6203">
                  <c:v>-1037896.7025798199</c:v>
                </c:pt>
                <c:pt idx="6204">
                  <c:v>-1038523.2908112101</c:v>
                </c:pt>
                <c:pt idx="6205">
                  <c:v>-1038589.91904328</c:v>
                </c:pt>
                <c:pt idx="6206">
                  <c:v>-1040665.0212885099</c:v>
                </c:pt>
                <c:pt idx="6207">
                  <c:v>-1043036.35837332</c:v>
                </c:pt>
                <c:pt idx="6208">
                  <c:v>-1033132.4242775301</c:v>
                </c:pt>
                <c:pt idx="6209">
                  <c:v>-1029883.76444281</c:v>
                </c:pt>
                <c:pt idx="6210">
                  <c:v>-1025570.9181465399</c:v>
                </c:pt>
                <c:pt idx="6211">
                  <c:v>-1022153.20712843</c:v>
                </c:pt>
                <c:pt idx="6212">
                  <c:v>-1022480.3377627</c:v>
                </c:pt>
                <c:pt idx="6213">
                  <c:v>-1010570.3975189599</c:v>
                </c:pt>
                <c:pt idx="6214">
                  <c:v>-1010440.94046799</c:v>
                </c:pt>
                <c:pt idx="6215">
                  <c:v>-1016085.87135501</c:v>
                </c:pt>
                <c:pt idx="6216">
                  <c:v>-1016085.87135501</c:v>
                </c:pt>
                <c:pt idx="6217">
                  <c:v>-1007376.08267901</c:v>
                </c:pt>
                <c:pt idx="6218">
                  <c:v>-1010019.8224849401</c:v>
                </c:pt>
                <c:pt idx="6219">
                  <c:v>-1010019.8224849401</c:v>
                </c:pt>
                <c:pt idx="6220">
                  <c:v>-1014676.46736554</c:v>
                </c:pt>
                <c:pt idx="6221">
                  <c:v>-1014161.71772409</c:v>
                </c:pt>
                <c:pt idx="6222">
                  <c:v>-1013894.17554393</c:v>
                </c:pt>
                <c:pt idx="6223">
                  <c:v>-1013322.4540354901</c:v>
                </c:pt>
                <c:pt idx="6224">
                  <c:v>-1004648.0648444101</c:v>
                </c:pt>
                <c:pt idx="6225">
                  <c:v>-1006206.84801856</c:v>
                </c:pt>
                <c:pt idx="6226">
                  <c:v>-1006534.50111346</c:v>
                </c:pt>
                <c:pt idx="6227">
                  <c:v>-1003581.7860139899</c:v>
                </c:pt>
                <c:pt idx="6228">
                  <c:v>-1000765.60447279</c:v>
                </c:pt>
                <c:pt idx="6229">
                  <c:v>-1005848.40360182</c:v>
                </c:pt>
                <c:pt idx="6230">
                  <c:v>-997804.801379318</c:v>
                </c:pt>
                <c:pt idx="6231">
                  <c:v>-999005.28874556895</c:v>
                </c:pt>
                <c:pt idx="6232">
                  <c:v>-1006777.0568677899</c:v>
                </c:pt>
                <c:pt idx="6233">
                  <c:v>-1003362.83262717</c:v>
                </c:pt>
                <c:pt idx="6234">
                  <c:v>-1009532.42562178</c:v>
                </c:pt>
                <c:pt idx="6235">
                  <c:v>-1008897.65568238</c:v>
                </c:pt>
                <c:pt idx="6236">
                  <c:v>-1008867.08512862</c:v>
                </c:pt>
                <c:pt idx="6237">
                  <c:v>-1006492.18679074</c:v>
                </c:pt>
                <c:pt idx="6238">
                  <c:v>-1006492.18679074</c:v>
                </c:pt>
                <c:pt idx="6239">
                  <c:v>-1006492.18679074</c:v>
                </c:pt>
                <c:pt idx="6240">
                  <c:v>-1007345.51564089</c:v>
                </c:pt>
                <c:pt idx="6241">
                  <c:v>-1005471.41443038</c:v>
                </c:pt>
                <c:pt idx="6242">
                  <c:v>-1005471.41443038</c:v>
                </c:pt>
                <c:pt idx="6243">
                  <c:v>-996117.90234377002</c:v>
                </c:pt>
                <c:pt idx="6244">
                  <c:v>-990801.00011090003</c:v>
                </c:pt>
                <c:pt idx="6245">
                  <c:v>-991580.87220284704</c:v>
                </c:pt>
                <c:pt idx="6246">
                  <c:v>-985726.56046572095</c:v>
                </c:pt>
                <c:pt idx="6247">
                  <c:v>-984272.35342033196</c:v>
                </c:pt>
                <c:pt idx="6248">
                  <c:v>-988242.2728563</c:v>
                </c:pt>
                <c:pt idx="6249">
                  <c:v>-987084.36675565899</c:v>
                </c:pt>
                <c:pt idx="6250">
                  <c:v>-984797.81728660699</c:v>
                </c:pt>
                <c:pt idx="6251">
                  <c:v>-974012.51923137903</c:v>
                </c:pt>
                <c:pt idx="6252">
                  <c:v>-977661.228928781</c:v>
                </c:pt>
                <c:pt idx="6253">
                  <c:v>-975909.74939162005</c:v>
                </c:pt>
                <c:pt idx="6254">
                  <c:v>-977866.08397042099</c:v>
                </c:pt>
                <c:pt idx="6255">
                  <c:v>-977866.08397042099</c:v>
                </c:pt>
                <c:pt idx="6256">
                  <c:v>-976943.38754419703</c:v>
                </c:pt>
                <c:pt idx="6257">
                  <c:v>-974287.580503006</c:v>
                </c:pt>
                <c:pt idx="6258">
                  <c:v>-974842.26463192701</c:v>
                </c:pt>
                <c:pt idx="6259">
                  <c:v>-984778.14956042904</c:v>
                </c:pt>
                <c:pt idx="6260">
                  <c:v>-984778.14956042904</c:v>
                </c:pt>
                <c:pt idx="6261">
                  <c:v>-987303.09302024601</c:v>
                </c:pt>
                <c:pt idx="6262">
                  <c:v>-984325.01492770901</c:v>
                </c:pt>
                <c:pt idx="6263">
                  <c:v>-980961.10575562599</c:v>
                </c:pt>
                <c:pt idx="6264">
                  <c:v>-979767.59226820897</c:v>
                </c:pt>
                <c:pt idx="6265">
                  <c:v>-976704.30045532098</c:v>
                </c:pt>
                <c:pt idx="6266">
                  <c:v>-975227.98689427401</c:v>
                </c:pt>
                <c:pt idx="6267">
                  <c:v>-974653.21208423097</c:v>
                </c:pt>
                <c:pt idx="6268">
                  <c:v>-969976.69495120097</c:v>
                </c:pt>
                <c:pt idx="6269">
                  <c:v>-960402.37837249995</c:v>
                </c:pt>
                <c:pt idx="6270">
                  <c:v>-960650.16098567797</c:v>
                </c:pt>
                <c:pt idx="6271">
                  <c:v>-959682.92474949104</c:v>
                </c:pt>
                <c:pt idx="6272">
                  <c:v>-958719.59831514198</c:v>
                </c:pt>
                <c:pt idx="6273">
                  <c:v>-958719.59831514198</c:v>
                </c:pt>
                <c:pt idx="6274">
                  <c:v>-954585.57365734398</c:v>
                </c:pt>
                <c:pt idx="6275">
                  <c:v>-956407.226176447</c:v>
                </c:pt>
                <c:pt idx="6276">
                  <c:v>-957068.13559895998</c:v>
                </c:pt>
                <c:pt idx="6277">
                  <c:v>-970827.211696657</c:v>
                </c:pt>
                <c:pt idx="6278">
                  <c:v>-973037.33927785</c:v>
                </c:pt>
                <c:pt idx="6279">
                  <c:v>-981879.97117367899</c:v>
                </c:pt>
                <c:pt idx="6280">
                  <c:v>-976982.57863308606</c:v>
                </c:pt>
                <c:pt idx="6281">
                  <c:v>-977333.37151218695</c:v>
                </c:pt>
                <c:pt idx="6282">
                  <c:v>-968967.57758759102</c:v>
                </c:pt>
                <c:pt idx="6283">
                  <c:v>-964522.74134520895</c:v>
                </c:pt>
                <c:pt idx="6284">
                  <c:v>-963980.53984146495</c:v>
                </c:pt>
                <c:pt idx="6285">
                  <c:v>-962560.95090151299</c:v>
                </c:pt>
                <c:pt idx="6286">
                  <c:v>-958149.73224073497</c:v>
                </c:pt>
                <c:pt idx="6287">
                  <c:v>-954819.72711432702</c:v>
                </c:pt>
                <c:pt idx="6288">
                  <c:v>-951120.81581093895</c:v>
                </c:pt>
                <c:pt idx="6289">
                  <c:v>-961658.025652215</c:v>
                </c:pt>
                <c:pt idx="6290">
                  <c:v>-963213.35582807602</c:v>
                </c:pt>
                <c:pt idx="6291">
                  <c:v>-954527.92628026905</c:v>
                </c:pt>
                <c:pt idx="6292">
                  <c:v>-957279.43307779904</c:v>
                </c:pt>
                <c:pt idx="6293">
                  <c:v>-950480.21510402404</c:v>
                </c:pt>
                <c:pt idx="6294">
                  <c:v>-950470.62349999498</c:v>
                </c:pt>
                <c:pt idx="6295">
                  <c:v>-955903.14547568304</c:v>
                </c:pt>
                <c:pt idx="6296">
                  <c:v>-958022.15559960902</c:v>
                </c:pt>
                <c:pt idx="6297">
                  <c:v>-958994.089893942</c:v>
                </c:pt>
                <c:pt idx="6298">
                  <c:v>-951026.45464934595</c:v>
                </c:pt>
                <c:pt idx="6299">
                  <c:v>-950761.23644159699</c:v>
                </c:pt>
                <c:pt idx="6300">
                  <c:v>-939830.09402353596</c:v>
                </c:pt>
                <c:pt idx="6301">
                  <c:v>-938396.76867810101</c:v>
                </c:pt>
                <c:pt idx="6302">
                  <c:v>-932236.55109985999</c:v>
                </c:pt>
                <c:pt idx="6303">
                  <c:v>-928261.92349247797</c:v>
                </c:pt>
                <c:pt idx="6304">
                  <c:v>-937251.99986296601</c:v>
                </c:pt>
                <c:pt idx="6305">
                  <c:v>-936756.37892952503</c:v>
                </c:pt>
                <c:pt idx="6306">
                  <c:v>-939414.23520305497</c:v>
                </c:pt>
                <c:pt idx="6307">
                  <c:v>-939414.23520305497</c:v>
                </c:pt>
                <c:pt idx="6308">
                  <c:v>-941056.02545529697</c:v>
                </c:pt>
                <c:pt idx="6309">
                  <c:v>-939002.19384818105</c:v>
                </c:pt>
                <c:pt idx="6310">
                  <c:v>-934147.26909839595</c:v>
                </c:pt>
                <c:pt idx="6311">
                  <c:v>-928525.92433019099</c:v>
                </c:pt>
                <c:pt idx="6312">
                  <c:v>-943571.68106229894</c:v>
                </c:pt>
                <c:pt idx="6313">
                  <c:v>-938542.59890667</c:v>
                </c:pt>
                <c:pt idx="6314">
                  <c:v>-937500.67430895299</c:v>
                </c:pt>
                <c:pt idx="6315">
                  <c:v>-934405.56382758799</c:v>
                </c:pt>
                <c:pt idx="6316">
                  <c:v>-931929.44367198995</c:v>
                </c:pt>
                <c:pt idx="6317">
                  <c:v>-920188.87467213301</c:v>
                </c:pt>
                <c:pt idx="6318">
                  <c:v>-920925.00081870798</c:v>
                </c:pt>
                <c:pt idx="6319">
                  <c:v>-924252.31585624395</c:v>
                </c:pt>
                <c:pt idx="6320">
                  <c:v>-920464.806767173</c:v>
                </c:pt>
                <c:pt idx="6321">
                  <c:v>-921018.26304534299</c:v>
                </c:pt>
                <c:pt idx="6322">
                  <c:v>-921018.26304534299</c:v>
                </c:pt>
                <c:pt idx="6323">
                  <c:v>-914403.03788783704</c:v>
                </c:pt>
                <c:pt idx="6324">
                  <c:v>-912134.63994170504</c:v>
                </c:pt>
                <c:pt idx="6325">
                  <c:v>-910300.39025042695</c:v>
                </c:pt>
                <c:pt idx="6326">
                  <c:v>-910510.76290196297</c:v>
                </c:pt>
                <c:pt idx="6327">
                  <c:v>-910488.88186847803</c:v>
                </c:pt>
                <c:pt idx="6328">
                  <c:v>-908642.52425904095</c:v>
                </c:pt>
                <c:pt idx="6329">
                  <c:v>-909531.18299827003</c:v>
                </c:pt>
                <c:pt idx="6330">
                  <c:v>-901296.62812783301</c:v>
                </c:pt>
                <c:pt idx="6331">
                  <c:v>-902460.38302080403</c:v>
                </c:pt>
                <c:pt idx="6332">
                  <c:v>-903430.806675595</c:v>
                </c:pt>
                <c:pt idx="6333">
                  <c:v>-899441.04594149697</c:v>
                </c:pt>
                <c:pt idx="6334">
                  <c:v>-899441.04594149697</c:v>
                </c:pt>
                <c:pt idx="6335">
                  <c:v>-893616.77158332302</c:v>
                </c:pt>
                <c:pt idx="6336">
                  <c:v>-894899.48352052702</c:v>
                </c:pt>
                <c:pt idx="6337">
                  <c:v>-899645.31664410303</c:v>
                </c:pt>
                <c:pt idx="6338">
                  <c:v>-910513.32543014805</c:v>
                </c:pt>
                <c:pt idx="6339">
                  <c:v>-907050.72474606498</c:v>
                </c:pt>
                <c:pt idx="6340">
                  <c:v>-907050.72474606498</c:v>
                </c:pt>
                <c:pt idx="6341">
                  <c:v>-898720.22584123595</c:v>
                </c:pt>
                <c:pt idx="6342">
                  <c:v>-899196.02114175598</c:v>
                </c:pt>
                <c:pt idx="6343">
                  <c:v>-899196.02114175598</c:v>
                </c:pt>
                <c:pt idx="6344">
                  <c:v>-899196.02114175598</c:v>
                </c:pt>
                <c:pt idx="6345">
                  <c:v>-897091.66122136905</c:v>
                </c:pt>
                <c:pt idx="6346">
                  <c:v>-898246.85674633295</c:v>
                </c:pt>
                <c:pt idx="6347">
                  <c:v>-898246.85674633295</c:v>
                </c:pt>
                <c:pt idx="6348">
                  <c:v>-898246.85674633295</c:v>
                </c:pt>
                <c:pt idx="6349">
                  <c:v>-898246.85674633295</c:v>
                </c:pt>
                <c:pt idx="6350">
                  <c:v>-898246.85674633295</c:v>
                </c:pt>
                <c:pt idx="6351">
                  <c:v>-905065.83697058004</c:v>
                </c:pt>
                <c:pt idx="6352">
                  <c:v>-905697.29192285205</c:v>
                </c:pt>
                <c:pt idx="6353">
                  <c:v>-913901.47351225896</c:v>
                </c:pt>
                <c:pt idx="6354">
                  <c:v>-909163.48722635699</c:v>
                </c:pt>
                <c:pt idx="6355">
                  <c:v>-908976.02465437504</c:v>
                </c:pt>
                <c:pt idx="6356">
                  <c:v>-908572.47286682297</c:v>
                </c:pt>
                <c:pt idx="6357">
                  <c:v>-917530.80330985505</c:v>
                </c:pt>
                <c:pt idx="6358">
                  <c:v>-916320.24759897694</c:v>
                </c:pt>
                <c:pt idx="6359">
                  <c:v>-916030.68713495601</c:v>
                </c:pt>
                <c:pt idx="6360">
                  <c:v>-912649.86069667595</c:v>
                </c:pt>
                <c:pt idx="6361">
                  <c:v>-914246.34381376801</c:v>
                </c:pt>
                <c:pt idx="6362">
                  <c:v>-905983.31501974806</c:v>
                </c:pt>
                <c:pt idx="6363">
                  <c:v>-902648.83167317905</c:v>
                </c:pt>
                <c:pt idx="6364">
                  <c:v>-903478.44144411199</c:v>
                </c:pt>
                <c:pt idx="6365">
                  <c:v>-903194.38490783703</c:v>
                </c:pt>
                <c:pt idx="6366">
                  <c:v>-903105.45642268704</c:v>
                </c:pt>
                <c:pt idx="6367">
                  <c:v>-903493.20827205095</c:v>
                </c:pt>
                <c:pt idx="6368">
                  <c:v>-891977.235518837</c:v>
                </c:pt>
                <c:pt idx="6369">
                  <c:v>-893222.65145338106</c:v>
                </c:pt>
                <c:pt idx="6370">
                  <c:v>-889062.42730659898</c:v>
                </c:pt>
                <c:pt idx="6371">
                  <c:v>-889062.42730659898</c:v>
                </c:pt>
                <c:pt idx="6372">
                  <c:v>-884724.76236421405</c:v>
                </c:pt>
                <c:pt idx="6373">
                  <c:v>-875480.82723027398</c:v>
                </c:pt>
                <c:pt idx="6374">
                  <c:v>-876624.64632814797</c:v>
                </c:pt>
                <c:pt idx="6375">
                  <c:v>-892944.88858992304</c:v>
                </c:pt>
                <c:pt idx="6376">
                  <c:v>-890777.95152079302</c:v>
                </c:pt>
                <c:pt idx="6377">
                  <c:v>-889653.726370321</c:v>
                </c:pt>
                <c:pt idx="6378">
                  <c:v>-875292.12856017903</c:v>
                </c:pt>
                <c:pt idx="6379">
                  <c:v>-871379.08565145906</c:v>
                </c:pt>
                <c:pt idx="6380">
                  <c:v>-867534.06841693795</c:v>
                </c:pt>
                <c:pt idx="6381">
                  <c:v>-861271.40043157898</c:v>
                </c:pt>
                <c:pt idx="6382">
                  <c:v>-854356.97154633398</c:v>
                </c:pt>
                <c:pt idx="6383">
                  <c:v>-859300.83862353803</c:v>
                </c:pt>
                <c:pt idx="6384">
                  <c:v>-859263.29353735503</c:v>
                </c:pt>
                <c:pt idx="6385">
                  <c:v>-858056.101126889</c:v>
                </c:pt>
                <c:pt idx="6386">
                  <c:v>-858056.101126889</c:v>
                </c:pt>
                <c:pt idx="6387">
                  <c:v>-857196.56016292097</c:v>
                </c:pt>
                <c:pt idx="6388">
                  <c:v>-856734.96720333304</c:v>
                </c:pt>
                <c:pt idx="6389">
                  <c:v>-852953.96107838</c:v>
                </c:pt>
                <c:pt idx="6390">
                  <c:v>-855923.59780968004</c:v>
                </c:pt>
                <c:pt idx="6391">
                  <c:v>-853822.79380517895</c:v>
                </c:pt>
                <c:pt idx="6392">
                  <c:v>-846072.21180524002</c:v>
                </c:pt>
                <c:pt idx="6393">
                  <c:v>-849603.34217242606</c:v>
                </c:pt>
                <c:pt idx="6394">
                  <c:v>-843082.60592665803</c:v>
                </c:pt>
                <c:pt idx="6395">
                  <c:v>-842454.81363875698</c:v>
                </c:pt>
                <c:pt idx="6396">
                  <c:v>-839268.81686655199</c:v>
                </c:pt>
                <c:pt idx="6397">
                  <c:v>-837539.94625072496</c:v>
                </c:pt>
                <c:pt idx="6398">
                  <c:v>-841890.17363471095</c:v>
                </c:pt>
                <c:pt idx="6399">
                  <c:v>-847651.928859259</c:v>
                </c:pt>
                <c:pt idx="6400">
                  <c:v>-846547.81283980596</c:v>
                </c:pt>
                <c:pt idx="6401">
                  <c:v>-846547.81283980596</c:v>
                </c:pt>
                <c:pt idx="6402">
                  <c:v>-850201.88546335895</c:v>
                </c:pt>
                <c:pt idx="6403">
                  <c:v>-849638.989380816</c:v>
                </c:pt>
                <c:pt idx="6404">
                  <c:v>-849639.61955687299</c:v>
                </c:pt>
                <c:pt idx="6405">
                  <c:v>-849765.53487705404</c:v>
                </c:pt>
                <c:pt idx="6406">
                  <c:v>-842915.70258883201</c:v>
                </c:pt>
                <c:pt idx="6407">
                  <c:v>-844392.51260806504</c:v>
                </c:pt>
                <c:pt idx="6408">
                  <c:v>-839931.24453052494</c:v>
                </c:pt>
                <c:pt idx="6409">
                  <c:v>-839931.24453052494</c:v>
                </c:pt>
                <c:pt idx="6410">
                  <c:v>-838672.58038035198</c:v>
                </c:pt>
                <c:pt idx="6411">
                  <c:v>-832614.45305522997</c:v>
                </c:pt>
                <c:pt idx="6412">
                  <c:v>-836577.57556812605</c:v>
                </c:pt>
                <c:pt idx="6413">
                  <c:v>-832082.03050588805</c:v>
                </c:pt>
                <c:pt idx="6414">
                  <c:v>-823790.99177426496</c:v>
                </c:pt>
                <c:pt idx="6415">
                  <c:v>-821601.76096616499</c:v>
                </c:pt>
                <c:pt idx="6416">
                  <c:v>-821689.46469436598</c:v>
                </c:pt>
                <c:pt idx="6417">
                  <c:v>-813002.39553956699</c:v>
                </c:pt>
                <c:pt idx="6418">
                  <c:v>-812627.083192133</c:v>
                </c:pt>
                <c:pt idx="6419">
                  <c:v>-816263.56943132402</c:v>
                </c:pt>
                <c:pt idx="6420">
                  <c:v>-813925.80135599303</c:v>
                </c:pt>
                <c:pt idx="6421">
                  <c:v>-818008.88917952904</c:v>
                </c:pt>
                <c:pt idx="6422">
                  <c:v>-811217.17803912004</c:v>
                </c:pt>
                <c:pt idx="6423">
                  <c:v>-811082.81670745194</c:v>
                </c:pt>
                <c:pt idx="6424">
                  <c:v>-811079.02487825602</c:v>
                </c:pt>
                <c:pt idx="6425">
                  <c:v>-811079.02487825602</c:v>
                </c:pt>
                <c:pt idx="6426">
                  <c:v>-803492.34103947703</c:v>
                </c:pt>
                <c:pt idx="6427">
                  <c:v>-798747.54830954398</c:v>
                </c:pt>
                <c:pt idx="6428">
                  <c:v>-797219.82665095106</c:v>
                </c:pt>
                <c:pt idx="6429">
                  <c:v>-795485.826245734</c:v>
                </c:pt>
                <c:pt idx="6430">
                  <c:v>-799719.10844149999</c:v>
                </c:pt>
                <c:pt idx="6431">
                  <c:v>-794207.07562287897</c:v>
                </c:pt>
                <c:pt idx="6432">
                  <c:v>-795096.56402453803</c:v>
                </c:pt>
                <c:pt idx="6433">
                  <c:v>-794420.52897482004</c:v>
                </c:pt>
                <c:pt idx="6434">
                  <c:v>-780569.17014297901</c:v>
                </c:pt>
                <c:pt idx="6435">
                  <c:v>-781068.56771579897</c:v>
                </c:pt>
                <c:pt idx="6436">
                  <c:v>-785907.31210848596</c:v>
                </c:pt>
                <c:pt idx="6437">
                  <c:v>-785122.07303040102</c:v>
                </c:pt>
                <c:pt idx="6438">
                  <c:v>-786023.12605351198</c:v>
                </c:pt>
                <c:pt idx="6439">
                  <c:v>-787779.12642955803</c:v>
                </c:pt>
                <c:pt idx="6440">
                  <c:v>-787010.83388177096</c:v>
                </c:pt>
                <c:pt idx="6441">
                  <c:v>-786312.71010212903</c:v>
                </c:pt>
                <c:pt idx="6442">
                  <c:v>-794795.973143799</c:v>
                </c:pt>
                <c:pt idx="6443">
                  <c:v>-797577.49280731101</c:v>
                </c:pt>
                <c:pt idx="6444">
                  <c:v>-800083.94643893605</c:v>
                </c:pt>
                <c:pt idx="6445">
                  <c:v>-797290.55463918694</c:v>
                </c:pt>
                <c:pt idx="6446">
                  <c:v>-791099.09700773505</c:v>
                </c:pt>
                <c:pt idx="6447">
                  <c:v>-789045.67716644902</c:v>
                </c:pt>
                <c:pt idx="6448">
                  <c:v>-787946.82358901703</c:v>
                </c:pt>
                <c:pt idx="6449">
                  <c:v>-787066.759498297</c:v>
                </c:pt>
                <c:pt idx="6450">
                  <c:v>-779485.17031592794</c:v>
                </c:pt>
                <c:pt idx="6451">
                  <c:v>-779761.24271719903</c:v>
                </c:pt>
                <c:pt idx="6452">
                  <c:v>-783474.51187722001</c:v>
                </c:pt>
                <c:pt idx="6453">
                  <c:v>-781062.82719368301</c:v>
                </c:pt>
                <c:pt idx="6454">
                  <c:v>-780499.77213505702</c:v>
                </c:pt>
                <c:pt idx="6455">
                  <c:v>-782535.80705745297</c:v>
                </c:pt>
                <c:pt idx="6456">
                  <c:v>-781574.92786511697</c:v>
                </c:pt>
                <c:pt idx="6457">
                  <c:v>-781574.92786511697</c:v>
                </c:pt>
                <c:pt idx="6458">
                  <c:v>-780984.59519380797</c:v>
                </c:pt>
                <c:pt idx="6459">
                  <c:v>-788558.03992171702</c:v>
                </c:pt>
                <c:pt idx="6460">
                  <c:v>-786180.59665325098</c:v>
                </c:pt>
                <c:pt idx="6461">
                  <c:v>-784522.54830248398</c:v>
                </c:pt>
                <c:pt idx="6462">
                  <c:v>-783049.29322205402</c:v>
                </c:pt>
                <c:pt idx="6463">
                  <c:v>-784249.88354329497</c:v>
                </c:pt>
                <c:pt idx="6464">
                  <c:v>-772585.41742676101</c:v>
                </c:pt>
                <c:pt idx="6465">
                  <c:v>-771377.37480534206</c:v>
                </c:pt>
                <c:pt idx="6466">
                  <c:v>-773297.64818113798</c:v>
                </c:pt>
                <c:pt idx="6467">
                  <c:v>-774936.67231885099</c:v>
                </c:pt>
                <c:pt idx="6468">
                  <c:v>-779520.85665293899</c:v>
                </c:pt>
                <c:pt idx="6469">
                  <c:v>-783671.70351704501</c:v>
                </c:pt>
                <c:pt idx="6470">
                  <c:v>-788276.36577282497</c:v>
                </c:pt>
                <c:pt idx="6471">
                  <c:v>-791238.89192079206</c:v>
                </c:pt>
                <c:pt idx="6472">
                  <c:v>-786628.78080035304</c:v>
                </c:pt>
                <c:pt idx="6473">
                  <c:v>-770424.52119904105</c:v>
                </c:pt>
                <c:pt idx="6474">
                  <c:v>-771390.99341164797</c:v>
                </c:pt>
                <c:pt idx="6475">
                  <c:v>-771910.71954358602</c:v>
                </c:pt>
                <c:pt idx="6476">
                  <c:v>-771870.21917233302</c:v>
                </c:pt>
                <c:pt idx="6477">
                  <c:v>-766613.43269583897</c:v>
                </c:pt>
                <c:pt idx="6478">
                  <c:v>-765853.18988314201</c:v>
                </c:pt>
                <c:pt idx="6479">
                  <c:v>-761759.71954952099</c:v>
                </c:pt>
                <c:pt idx="6480">
                  <c:v>-751221.99533125001</c:v>
                </c:pt>
                <c:pt idx="6481">
                  <c:v>-751221.99533125001</c:v>
                </c:pt>
                <c:pt idx="6482">
                  <c:v>-747916.988294109</c:v>
                </c:pt>
                <c:pt idx="6483">
                  <c:v>-748211.33116204699</c:v>
                </c:pt>
                <c:pt idx="6484">
                  <c:v>-743310.344705884</c:v>
                </c:pt>
                <c:pt idx="6485">
                  <c:v>-734970.08015318797</c:v>
                </c:pt>
                <c:pt idx="6486">
                  <c:v>-734970.08015318797</c:v>
                </c:pt>
                <c:pt idx="6487">
                  <c:v>-739410.495989747</c:v>
                </c:pt>
                <c:pt idx="6488">
                  <c:v>-737617.66648305196</c:v>
                </c:pt>
                <c:pt idx="6489">
                  <c:v>-735319.54743603896</c:v>
                </c:pt>
                <c:pt idx="6490">
                  <c:v>-730783.79933439801</c:v>
                </c:pt>
                <c:pt idx="6491">
                  <c:v>-738414.72861110698</c:v>
                </c:pt>
                <c:pt idx="6492">
                  <c:v>-737143.22123369598</c:v>
                </c:pt>
                <c:pt idx="6493">
                  <c:v>-738616.08549105097</c:v>
                </c:pt>
                <c:pt idx="6494">
                  <c:v>-739250.64759611199</c:v>
                </c:pt>
                <c:pt idx="6495">
                  <c:v>-739636.42720713897</c:v>
                </c:pt>
                <c:pt idx="6496">
                  <c:v>-737260.28953156096</c:v>
                </c:pt>
                <c:pt idx="6497">
                  <c:v>-737958.21846676397</c:v>
                </c:pt>
                <c:pt idx="6498">
                  <c:v>-734063.33234189101</c:v>
                </c:pt>
                <c:pt idx="6499">
                  <c:v>-738771.83611784701</c:v>
                </c:pt>
                <c:pt idx="6500">
                  <c:v>-740879.52218404599</c:v>
                </c:pt>
                <c:pt idx="6501">
                  <c:v>-740879.52218404599</c:v>
                </c:pt>
                <c:pt idx="6502">
                  <c:v>-735089.58898505697</c:v>
                </c:pt>
                <c:pt idx="6503">
                  <c:v>-735089.58898505697</c:v>
                </c:pt>
                <c:pt idx="6504">
                  <c:v>-735089.58898505697</c:v>
                </c:pt>
                <c:pt idx="6505">
                  <c:v>-734701.43029790698</c:v>
                </c:pt>
                <c:pt idx="6506">
                  <c:v>-755596.94475327001</c:v>
                </c:pt>
                <c:pt idx="6507">
                  <c:v>-755632.00084144901</c:v>
                </c:pt>
                <c:pt idx="6508">
                  <c:v>-758093.02889291104</c:v>
                </c:pt>
                <c:pt idx="6509">
                  <c:v>-755130.50274494302</c:v>
                </c:pt>
                <c:pt idx="6510">
                  <c:v>-752711.96280181804</c:v>
                </c:pt>
                <c:pt idx="6511">
                  <c:v>-751366.35054419201</c:v>
                </c:pt>
                <c:pt idx="6512">
                  <c:v>-754561.395308304</c:v>
                </c:pt>
                <c:pt idx="6513">
                  <c:v>-754062.35244861105</c:v>
                </c:pt>
                <c:pt idx="6514">
                  <c:v>-747243.89501479501</c:v>
                </c:pt>
                <c:pt idx="6515">
                  <c:v>-747418.98530051997</c:v>
                </c:pt>
                <c:pt idx="6516">
                  <c:v>-750043.49265196698</c:v>
                </c:pt>
                <c:pt idx="6517">
                  <c:v>-736685.74517689995</c:v>
                </c:pt>
                <c:pt idx="6518">
                  <c:v>-733697.64604928205</c:v>
                </c:pt>
                <c:pt idx="6519">
                  <c:v>-734265.66012650495</c:v>
                </c:pt>
                <c:pt idx="6520">
                  <c:v>-729286.70104104502</c:v>
                </c:pt>
                <c:pt idx="6521">
                  <c:v>-728727.37588435598</c:v>
                </c:pt>
                <c:pt idx="6522">
                  <c:v>-724281.61881531402</c:v>
                </c:pt>
                <c:pt idx="6523">
                  <c:v>-720583.92194068502</c:v>
                </c:pt>
                <c:pt idx="6524">
                  <c:v>-727662.71898756095</c:v>
                </c:pt>
                <c:pt idx="6525">
                  <c:v>-721485.17725083395</c:v>
                </c:pt>
                <c:pt idx="6526">
                  <c:v>-719410.26414787595</c:v>
                </c:pt>
                <c:pt idx="6527">
                  <c:v>-717641.80175380397</c:v>
                </c:pt>
                <c:pt idx="6528">
                  <c:v>-724481.555426582</c:v>
                </c:pt>
                <c:pt idx="6529">
                  <c:v>-731106.82550313603</c:v>
                </c:pt>
                <c:pt idx="6530">
                  <c:v>-728184.79187548195</c:v>
                </c:pt>
                <c:pt idx="6531">
                  <c:v>-724391.16678481095</c:v>
                </c:pt>
                <c:pt idx="6532">
                  <c:v>-724391.16678481095</c:v>
                </c:pt>
                <c:pt idx="6533">
                  <c:v>-725348.50745768496</c:v>
                </c:pt>
                <c:pt idx="6534">
                  <c:v>-724590.19474250299</c:v>
                </c:pt>
                <c:pt idx="6535">
                  <c:v>-724391.36533888895</c:v>
                </c:pt>
                <c:pt idx="6536">
                  <c:v>-721354.19471252896</c:v>
                </c:pt>
                <c:pt idx="6537">
                  <c:v>-718917.13258871296</c:v>
                </c:pt>
                <c:pt idx="6538">
                  <c:v>-721392.78147141205</c:v>
                </c:pt>
                <c:pt idx="6539">
                  <c:v>-723637.74936867994</c:v>
                </c:pt>
                <c:pt idx="6540">
                  <c:v>-723685.73122989805</c:v>
                </c:pt>
                <c:pt idx="6541">
                  <c:v>-724135.189033348</c:v>
                </c:pt>
                <c:pt idx="6542">
                  <c:v>-722066.25457862299</c:v>
                </c:pt>
                <c:pt idx="6543">
                  <c:v>-720423.926838813</c:v>
                </c:pt>
                <c:pt idx="6544">
                  <c:v>-714965.32657834096</c:v>
                </c:pt>
                <c:pt idx="6545">
                  <c:v>-714965.32657834096</c:v>
                </c:pt>
                <c:pt idx="6546">
                  <c:v>-714879.69350584596</c:v>
                </c:pt>
                <c:pt idx="6547">
                  <c:v>-712123.41044773499</c:v>
                </c:pt>
                <c:pt idx="6548">
                  <c:v>-707042.09035562701</c:v>
                </c:pt>
                <c:pt idx="6549">
                  <c:v>-703165.84144818899</c:v>
                </c:pt>
                <c:pt idx="6550">
                  <c:v>-698797.84788118501</c:v>
                </c:pt>
                <c:pt idx="6551">
                  <c:v>-710496.08767481404</c:v>
                </c:pt>
                <c:pt idx="6552">
                  <c:v>-717158.09325432696</c:v>
                </c:pt>
                <c:pt idx="6553">
                  <c:v>-720614.61571158795</c:v>
                </c:pt>
                <c:pt idx="6554">
                  <c:v>-720614.61571158795</c:v>
                </c:pt>
                <c:pt idx="6555">
                  <c:v>-722516.578251931</c:v>
                </c:pt>
                <c:pt idx="6556">
                  <c:v>-721908.46802899102</c:v>
                </c:pt>
                <c:pt idx="6557">
                  <c:v>-720861.30556385498</c:v>
                </c:pt>
                <c:pt idx="6558">
                  <c:v>-725092.29784202005</c:v>
                </c:pt>
                <c:pt idx="6559">
                  <c:v>-723241.32201059302</c:v>
                </c:pt>
                <c:pt idx="6560">
                  <c:v>-722998.990646797</c:v>
                </c:pt>
                <c:pt idx="6561">
                  <c:v>-721261.48998038296</c:v>
                </c:pt>
                <c:pt idx="6562">
                  <c:v>-721261.48998038296</c:v>
                </c:pt>
                <c:pt idx="6563">
                  <c:v>-720052.98731070303</c:v>
                </c:pt>
                <c:pt idx="6564">
                  <c:v>-714984.09779750998</c:v>
                </c:pt>
                <c:pt idx="6565">
                  <c:v>-719437.69733011699</c:v>
                </c:pt>
                <c:pt idx="6566">
                  <c:v>-719437.69733011699</c:v>
                </c:pt>
                <c:pt idx="6567">
                  <c:v>-713070.93764037197</c:v>
                </c:pt>
                <c:pt idx="6568">
                  <c:v>-710747.80903085705</c:v>
                </c:pt>
                <c:pt idx="6569">
                  <c:v>-712862.51946996897</c:v>
                </c:pt>
                <c:pt idx="6570">
                  <c:v>-712862.51946996897</c:v>
                </c:pt>
                <c:pt idx="6571">
                  <c:v>-709106.89556952205</c:v>
                </c:pt>
                <c:pt idx="6572">
                  <c:v>-714885.25586701196</c:v>
                </c:pt>
                <c:pt idx="6573">
                  <c:v>-717768.19269783795</c:v>
                </c:pt>
                <c:pt idx="6574">
                  <c:v>-714925.30133440997</c:v>
                </c:pt>
                <c:pt idx="6575">
                  <c:v>-712653.60517127905</c:v>
                </c:pt>
                <c:pt idx="6576">
                  <c:v>-707787.96718157805</c:v>
                </c:pt>
                <c:pt idx="6577">
                  <c:v>-709464.46384191199</c:v>
                </c:pt>
                <c:pt idx="6578">
                  <c:v>-704142.16840909899</c:v>
                </c:pt>
                <c:pt idx="6579">
                  <c:v>-704481.44001535699</c:v>
                </c:pt>
                <c:pt idx="6580">
                  <c:v>-704481.44001535699</c:v>
                </c:pt>
                <c:pt idx="6581">
                  <c:v>-702181.26879800798</c:v>
                </c:pt>
                <c:pt idx="6582">
                  <c:v>-700014.92301548098</c:v>
                </c:pt>
                <c:pt idx="6583">
                  <c:v>-700360.01749897504</c:v>
                </c:pt>
                <c:pt idx="6584">
                  <c:v>-699072.350226118</c:v>
                </c:pt>
                <c:pt idx="6585">
                  <c:v>-699072.350226118</c:v>
                </c:pt>
                <c:pt idx="6586">
                  <c:v>-701595.51929716102</c:v>
                </c:pt>
                <c:pt idx="6587">
                  <c:v>-706458.66970658198</c:v>
                </c:pt>
                <c:pt idx="6588">
                  <c:v>-706458.66970658198</c:v>
                </c:pt>
                <c:pt idx="6589">
                  <c:v>-704605.15576386102</c:v>
                </c:pt>
                <c:pt idx="6590">
                  <c:v>-704118.385339809</c:v>
                </c:pt>
                <c:pt idx="6591">
                  <c:v>-704118.385339809</c:v>
                </c:pt>
                <c:pt idx="6592">
                  <c:v>-701436.66241731099</c:v>
                </c:pt>
                <c:pt idx="6593">
                  <c:v>-684581.10927103902</c:v>
                </c:pt>
                <c:pt idx="6594">
                  <c:v>-678713.98238283</c:v>
                </c:pt>
                <c:pt idx="6595">
                  <c:v>-675044.05075426796</c:v>
                </c:pt>
                <c:pt idx="6596">
                  <c:v>-675056.64280464803</c:v>
                </c:pt>
                <c:pt idx="6597">
                  <c:v>-679081.97874855099</c:v>
                </c:pt>
                <c:pt idx="6598">
                  <c:v>-678448.731113974</c:v>
                </c:pt>
                <c:pt idx="6599">
                  <c:v>-682278.37153711997</c:v>
                </c:pt>
                <c:pt idx="6600">
                  <c:v>-682278.37153711997</c:v>
                </c:pt>
                <c:pt idx="6601">
                  <c:v>-681394.62767957198</c:v>
                </c:pt>
                <c:pt idx="6602">
                  <c:v>-677560.06897665199</c:v>
                </c:pt>
                <c:pt idx="6603">
                  <c:v>-679337.77131303004</c:v>
                </c:pt>
                <c:pt idx="6604">
                  <c:v>-672727.65949899598</c:v>
                </c:pt>
                <c:pt idx="6605">
                  <c:v>-677547.59465161106</c:v>
                </c:pt>
                <c:pt idx="6606">
                  <c:v>-677547.59465161106</c:v>
                </c:pt>
                <c:pt idx="6607">
                  <c:v>-678959.282539543</c:v>
                </c:pt>
                <c:pt idx="6608">
                  <c:v>-678767.01259773597</c:v>
                </c:pt>
                <c:pt idx="6609">
                  <c:v>-678297.95488084399</c:v>
                </c:pt>
                <c:pt idx="6610">
                  <c:v>-680386.89433523803</c:v>
                </c:pt>
                <c:pt idx="6611">
                  <c:v>-681874.49505964399</c:v>
                </c:pt>
                <c:pt idx="6612">
                  <c:v>-681546.614441816</c:v>
                </c:pt>
                <c:pt idx="6613">
                  <c:v>-675381.60142843903</c:v>
                </c:pt>
                <c:pt idx="6614">
                  <c:v>-675708.05512745399</c:v>
                </c:pt>
                <c:pt idx="6615">
                  <c:v>-683738.78758753301</c:v>
                </c:pt>
                <c:pt idx="6616">
                  <c:v>-683738.78758753301</c:v>
                </c:pt>
                <c:pt idx="6617">
                  <c:v>-680983.02671404101</c:v>
                </c:pt>
                <c:pt idx="6618">
                  <c:v>-680983.02671404101</c:v>
                </c:pt>
                <c:pt idx="6619">
                  <c:v>-681413.17169654998</c:v>
                </c:pt>
                <c:pt idx="6620">
                  <c:v>-679705.14053603995</c:v>
                </c:pt>
                <c:pt idx="6621">
                  <c:v>-679705.14053603995</c:v>
                </c:pt>
                <c:pt idx="6622">
                  <c:v>-676667.90915855602</c:v>
                </c:pt>
                <c:pt idx="6623">
                  <c:v>-674124.05138850596</c:v>
                </c:pt>
                <c:pt idx="6624">
                  <c:v>-673313.24677265901</c:v>
                </c:pt>
                <c:pt idx="6625">
                  <c:v>-672750.34729735495</c:v>
                </c:pt>
                <c:pt idx="6626">
                  <c:v>-672048.90030699701</c:v>
                </c:pt>
                <c:pt idx="6627">
                  <c:v>-667959.30590749101</c:v>
                </c:pt>
                <c:pt idx="6628">
                  <c:v>-667669.66186335497</c:v>
                </c:pt>
                <c:pt idx="6629">
                  <c:v>-662064.15307227196</c:v>
                </c:pt>
                <c:pt idx="6630">
                  <c:v>-662064.15307227196</c:v>
                </c:pt>
                <c:pt idx="6631">
                  <c:v>-656227.79286243801</c:v>
                </c:pt>
                <c:pt idx="6632">
                  <c:v>-648862.99174387997</c:v>
                </c:pt>
                <c:pt idx="6633">
                  <c:v>-654112.50702071097</c:v>
                </c:pt>
                <c:pt idx="6634">
                  <c:v>-655559.59801780898</c:v>
                </c:pt>
                <c:pt idx="6635">
                  <c:v>-655559.59801780898</c:v>
                </c:pt>
                <c:pt idx="6636">
                  <c:v>-656654.73784671398</c:v>
                </c:pt>
                <c:pt idx="6637">
                  <c:v>-649175.19105940196</c:v>
                </c:pt>
                <c:pt idx="6638">
                  <c:v>-649078.62134014501</c:v>
                </c:pt>
                <c:pt idx="6639">
                  <c:v>-649142.40899142204</c:v>
                </c:pt>
                <c:pt idx="6640">
                  <c:v>-649142.40899142204</c:v>
                </c:pt>
                <c:pt idx="6641">
                  <c:v>-649778.17682682199</c:v>
                </c:pt>
                <c:pt idx="6642">
                  <c:v>-649778.17682682199</c:v>
                </c:pt>
                <c:pt idx="6643">
                  <c:v>-646892.23404177697</c:v>
                </c:pt>
                <c:pt idx="6644">
                  <c:v>-656139.98413475999</c:v>
                </c:pt>
                <c:pt idx="6645">
                  <c:v>-656139.98413475999</c:v>
                </c:pt>
                <c:pt idx="6646">
                  <c:v>-658520.20080249198</c:v>
                </c:pt>
                <c:pt idx="6647">
                  <c:v>-648014.48427378002</c:v>
                </c:pt>
                <c:pt idx="6648">
                  <c:v>-645375.65774386202</c:v>
                </c:pt>
                <c:pt idx="6649">
                  <c:v>-644893.79257959896</c:v>
                </c:pt>
                <c:pt idx="6650">
                  <c:v>-639372.27405848994</c:v>
                </c:pt>
                <c:pt idx="6651">
                  <c:v>-645807.36346247396</c:v>
                </c:pt>
                <c:pt idx="6652">
                  <c:v>-643996.29174572497</c:v>
                </c:pt>
                <c:pt idx="6653">
                  <c:v>-639123.21062070096</c:v>
                </c:pt>
                <c:pt idx="6654">
                  <c:v>-638370.90475290897</c:v>
                </c:pt>
                <c:pt idx="6655">
                  <c:v>-642778.52922868496</c:v>
                </c:pt>
                <c:pt idx="6656">
                  <c:v>-656847.57911550801</c:v>
                </c:pt>
                <c:pt idx="6657">
                  <c:v>-656847.57911550801</c:v>
                </c:pt>
                <c:pt idx="6658">
                  <c:v>-658178.679338063</c:v>
                </c:pt>
                <c:pt idx="6659">
                  <c:v>-659728.997331594</c:v>
                </c:pt>
                <c:pt idx="6660">
                  <c:v>-645711.56003017002</c:v>
                </c:pt>
                <c:pt idx="6661">
                  <c:v>-651589.61476424802</c:v>
                </c:pt>
                <c:pt idx="6662">
                  <c:v>-650447.62134856498</c:v>
                </c:pt>
                <c:pt idx="6663">
                  <c:v>-650012.68915152701</c:v>
                </c:pt>
                <c:pt idx="6664">
                  <c:v>-652006.52606645995</c:v>
                </c:pt>
                <c:pt idx="6665">
                  <c:v>-652612.26761727803</c:v>
                </c:pt>
                <c:pt idx="6666">
                  <c:v>-654216.626556781</c:v>
                </c:pt>
                <c:pt idx="6667">
                  <c:v>-651447.77150787599</c:v>
                </c:pt>
                <c:pt idx="6668">
                  <c:v>-647364.38215030904</c:v>
                </c:pt>
                <c:pt idx="6669">
                  <c:v>-649724.85841189499</c:v>
                </c:pt>
                <c:pt idx="6670">
                  <c:v>-645594.38974720601</c:v>
                </c:pt>
                <c:pt idx="6671">
                  <c:v>-645594.38974720601</c:v>
                </c:pt>
                <c:pt idx="6672">
                  <c:v>-643707.44783514901</c:v>
                </c:pt>
                <c:pt idx="6673">
                  <c:v>-641066.31232013903</c:v>
                </c:pt>
                <c:pt idx="6674">
                  <c:v>-641066.31232013903</c:v>
                </c:pt>
                <c:pt idx="6675">
                  <c:v>-642642.11753197596</c:v>
                </c:pt>
                <c:pt idx="6676">
                  <c:v>-641947.923993984</c:v>
                </c:pt>
                <c:pt idx="6677">
                  <c:v>-641770.81928280101</c:v>
                </c:pt>
                <c:pt idx="6678">
                  <c:v>-648052.64330768795</c:v>
                </c:pt>
                <c:pt idx="6679">
                  <c:v>-647049.47752000403</c:v>
                </c:pt>
                <c:pt idx="6680">
                  <c:v>-643395.42272828298</c:v>
                </c:pt>
                <c:pt idx="6681">
                  <c:v>-643395.42272828298</c:v>
                </c:pt>
                <c:pt idx="6682">
                  <c:v>-644838.31171777903</c:v>
                </c:pt>
                <c:pt idx="6683">
                  <c:v>-644838.31171777903</c:v>
                </c:pt>
                <c:pt idx="6684">
                  <c:v>-652324.33511466498</c:v>
                </c:pt>
                <c:pt idx="6685">
                  <c:v>-652963.24344807304</c:v>
                </c:pt>
                <c:pt idx="6686">
                  <c:v>-652270.68144836195</c:v>
                </c:pt>
                <c:pt idx="6687">
                  <c:v>-652207.87488716003</c:v>
                </c:pt>
                <c:pt idx="6688">
                  <c:v>-653172.75706815603</c:v>
                </c:pt>
                <c:pt idx="6689">
                  <c:v>-654288.89531315397</c:v>
                </c:pt>
                <c:pt idx="6690">
                  <c:v>-649475.40848957701</c:v>
                </c:pt>
                <c:pt idx="6691">
                  <c:v>-646745.04414637596</c:v>
                </c:pt>
                <c:pt idx="6692">
                  <c:v>-642428.38538551505</c:v>
                </c:pt>
                <c:pt idx="6693">
                  <c:v>-645924.84062780696</c:v>
                </c:pt>
                <c:pt idx="6694">
                  <c:v>-644386.46470422402</c:v>
                </c:pt>
                <c:pt idx="6695">
                  <c:v>-644386.46470422402</c:v>
                </c:pt>
                <c:pt idx="6696">
                  <c:v>-643387.76911743102</c:v>
                </c:pt>
                <c:pt idx="6697">
                  <c:v>-636436.74428924103</c:v>
                </c:pt>
                <c:pt idx="6698">
                  <c:v>-635876.177624517</c:v>
                </c:pt>
                <c:pt idx="6699">
                  <c:v>-632137.71769601502</c:v>
                </c:pt>
                <c:pt idx="6700">
                  <c:v>-626297.07680789905</c:v>
                </c:pt>
                <c:pt idx="6701">
                  <c:v>-626462.51707228005</c:v>
                </c:pt>
                <c:pt idx="6702">
                  <c:v>-626462.51707228005</c:v>
                </c:pt>
                <c:pt idx="6703">
                  <c:v>-621156.36700921203</c:v>
                </c:pt>
                <c:pt idx="6704">
                  <c:v>-621883.86622188694</c:v>
                </c:pt>
                <c:pt idx="6705">
                  <c:v>-617990.30743136397</c:v>
                </c:pt>
                <c:pt idx="6706">
                  <c:v>-616031.94611517596</c:v>
                </c:pt>
                <c:pt idx="6707">
                  <c:v>-613715.48341067496</c:v>
                </c:pt>
                <c:pt idx="6708">
                  <c:v>-613715.48341067496</c:v>
                </c:pt>
                <c:pt idx="6709">
                  <c:v>-611304.19546964299</c:v>
                </c:pt>
                <c:pt idx="6710">
                  <c:v>-606669.67639741697</c:v>
                </c:pt>
                <c:pt idx="6711">
                  <c:v>-601538.26958730805</c:v>
                </c:pt>
                <c:pt idx="6712">
                  <c:v>-600233.006007661</c:v>
                </c:pt>
                <c:pt idx="6713">
                  <c:v>-607082.86940205097</c:v>
                </c:pt>
                <c:pt idx="6714">
                  <c:v>-604595.50888116297</c:v>
                </c:pt>
                <c:pt idx="6715">
                  <c:v>-604595.50888116297</c:v>
                </c:pt>
                <c:pt idx="6716">
                  <c:v>-607289.09597168502</c:v>
                </c:pt>
                <c:pt idx="6717">
                  <c:v>-602572.38709880598</c:v>
                </c:pt>
                <c:pt idx="6718">
                  <c:v>-606349.98429673503</c:v>
                </c:pt>
                <c:pt idx="6719">
                  <c:v>-604464.45751888806</c:v>
                </c:pt>
                <c:pt idx="6720">
                  <c:v>-598848.76005252602</c:v>
                </c:pt>
                <c:pt idx="6721">
                  <c:v>-599464.39005481498</c:v>
                </c:pt>
                <c:pt idx="6722">
                  <c:v>-598097.29246270703</c:v>
                </c:pt>
                <c:pt idx="6723">
                  <c:v>-600762.80284142902</c:v>
                </c:pt>
                <c:pt idx="6724">
                  <c:v>-609312.05608277</c:v>
                </c:pt>
                <c:pt idx="6725">
                  <c:v>-609785.58555451804</c:v>
                </c:pt>
                <c:pt idx="6726">
                  <c:v>-607672.48297656397</c:v>
                </c:pt>
                <c:pt idx="6727">
                  <c:v>-608593.02931987704</c:v>
                </c:pt>
                <c:pt idx="6728">
                  <c:v>-606431.51179306302</c:v>
                </c:pt>
                <c:pt idx="6729">
                  <c:v>-599439.92210857605</c:v>
                </c:pt>
                <c:pt idx="6730">
                  <c:v>-600042.04469589901</c:v>
                </c:pt>
                <c:pt idx="6731">
                  <c:v>-596019.57122505095</c:v>
                </c:pt>
                <c:pt idx="6732">
                  <c:v>-591914.72361284099</c:v>
                </c:pt>
                <c:pt idx="6733">
                  <c:v>-590863.28783269704</c:v>
                </c:pt>
                <c:pt idx="6734">
                  <c:v>-590421.02366665704</c:v>
                </c:pt>
                <c:pt idx="6735">
                  <c:v>-590421.02366665704</c:v>
                </c:pt>
                <c:pt idx="6736">
                  <c:v>-600214.81330980698</c:v>
                </c:pt>
                <c:pt idx="6737">
                  <c:v>-603157.12871254701</c:v>
                </c:pt>
                <c:pt idx="6738">
                  <c:v>-605984.93932675896</c:v>
                </c:pt>
                <c:pt idx="6739">
                  <c:v>-605984.93932675896</c:v>
                </c:pt>
                <c:pt idx="6740">
                  <c:v>-601909.966396312</c:v>
                </c:pt>
                <c:pt idx="6741">
                  <c:v>-601218.15849320905</c:v>
                </c:pt>
                <c:pt idx="6742">
                  <c:v>-599304.03095417703</c:v>
                </c:pt>
                <c:pt idx="6743">
                  <c:v>-596044.14522600197</c:v>
                </c:pt>
                <c:pt idx="6744">
                  <c:v>-588408.30364316399</c:v>
                </c:pt>
                <c:pt idx="6745">
                  <c:v>-586590.95585905504</c:v>
                </c:pt>
                <c:pt idx="6746">
                  <c:v>-584596.11712658405</c:v>
                </c:pt>
                <c:pt idx="6747">
                  <c:v>-593890.72965841705</c:v>
                </c:pt>
                <c:pt idx="6748">
                  <c:v>-596848.62092856003</c:v>
                </c:pt>
                <c:pt idx="6749">
                  <c:v>-595640.53540245001</c:v>
                </c:pt>
                <c:pt idx="6750">
                  <c:v>-597593.05726618005</c:v>
                </c:pt>
                <c:pt idx="6751">
                  <c:v>-597852.76643510396</c:v>
                </c:pt>
                <c:pt idx="6752">
                  <c:v>-603210.19304978603</c:v>
                </c:pt>
                <c:pt idx="6753">
                  <c:v>-603210.19304978603</c:v>
                </c:pt>
                <c:pt idx="6754">
                  <c:v>-599254.72750042996</c:v>
                </c:pt>
                <c:pt idx="6755">
                  <c:v>-596806.91758977505</c:v>
                </c:pt>
                <c:pt idx="6756">
                  <c:v>-589650.65963310294</c:v>
                </c:pt>
                <c:pt idx="6757">
                  <c:v>-589650.65963310294</c:v>
                </c:pt>
                <c:pt idx="6758">
                  <c:v>-586177.72313766903</c:v>
                </c:pt>
                <c:pt idx="6759">
                  <c:v>-578613.79603151104</c:v>
                </c:pt>
                <c:pt idx="6760">
                  <c:v>-584333.49662180105</c:v>
                </c:pt>
                <c:pt idx="6761">
                  <c:v>-583557.90904017701</c:v>
                </c:pt>
                <c:pt idx="6762">
                  <c:v>-582698.56309253897</c:v>
                </c:pt>
                <c:pt idx="6763">
                  <c:v>-589530.46735689405</c:v>
                </c:pt>
                <c:pt idx="6764">
                  <c:v>-588838.33108185604</c:v>
                </c:pt>
                <c:pt idx="6765">
                  <c:v>-582236.41153018898</c:v>
                </c:pt>
                <c:pt idx="6766">
                  <c:v>-585590.17355584702</c:v>
                </c:pt>
                <c:pt idx="6767">
                  <c:v>-585590.17355584702</c:v>
                </c:pt>
                <c:pt idx="6768">
                  <c:v>-588706.57550944702</c:v>
                </c:pt>
                <c:pt idx="6769">
                  <c:v>-590183.42518490099</c:v>
                </c:pt>
                <c:pt idx="6770">
                  <c:v>-589450.125471454</c:v>
                </c:pt>
                <c:pt idx="6771">
                  <c:v>-589569.10466565995</c:v>
                </c:pt>
                <c:pt idx="6772">
                  <c:v>-592332.16878231498</c:v>
                </c:pt>
                <c:pt idx="6773">
                  <c:v>-593479.15158838802</c:v>
                </c:pt>
                <c:pt idx="6774">
                  <c:v>-595232.02986873197</c:v>
                </c:pt>
                <c:pt idx="6775">
                  <c:v>-592576.59108399705</c:v>
                </c:pt>
                <c:pt idx="6776">
                  <c:v>-592899.28614011197</c:v>
                </c:pt>
                <c:pt idx="6777">
                  <c:v>-591023.66754466202</c:v>
                </c:pt>
                <c:pt idx="6778">
                  <c:v>-588633.10554207198</c:v>
                </c:pt>
                <c:pt idx="6779">
                  <c:v>-588633.10554207198</c:v>
                </c:pt>
                <c:pt idx="6780">
                  <c:v>-582635.95824294002</c:v>
                </c:pt>
                <c:pt idx="6781">
                  <c:v>-580995.16438527801</c:v>
                </c:pt>
                <c:pt idx="6782">
                  <c:v>-580995.16438527801</c:v>
                </c:pt>
                <c:pt idx="6783">
                  <c:v>-580995.16438527801</c:v>
                </c:pt>
                <c:pt idx="6784">
                  <c:v>-578176.75388436101</c:v>
                </c:pt>
                <c:pt idx="6785">
                  <c:v>-578176.75388436101</c:v>
                </c:pt>
                <c:pt idx="6786">
                  <c:v>-580372.51620904997</c:v>
                </c:pt>
                <c:pt idx="6787">
                  <c:v>-580372.51620904997</c:v>
                </c:pt>
                <c:pt idx="6788">
                  <c:v>-577316.97213371505</c:v>
                </c:pt>
                <c:pt idx="6789">
                  <c:v>-569124.93512102205</c:v>
                </c:pt>
                <c:pt idx="6790">
                  <c:v>-567463.94195655198</c:v>
                </c:pt>
                <c:pt idx="6791">
                  <c:v>-572456.63544200698</c:v>
                </c:pt>
                <c:pt idx="6792">
                  <c:v>-576953.03717957297</c:v>
                </c:pt>
                <c:pt idx="6793">
                  <c:v>-574085.82042181701</c:v>
                </c:pt>
                <c:pt idx="6794">
                  <c:v>-576870.41459071799</c:v>
                </c:pt>
                <c:pt idx="6795">
                  <c:v>-577541.27197438001</c:v>
                </c:pt>
                <c:pt idx="6796">
                  <c:v>-561683.20945729199</c:v>
                </c:pt>
                <c:pt idx="6797">
                  <c:v>-561683.20945729199</c:v>
                </c:pt>
                <c:pt idx="6798">
                  <c:v>-555462.19172278198</c:v>
                </c:pt>
                <c:pt idx="6799">
                  <c:v>-545175.03912519303</c:v>
                </c:pt>
                <c:pt idx="6800">
                  <c:v>-544637.11869095406</c:v>
                </c:pt>
                <c:pt idx="6801">
                  <c:v>-544637.11869095406</c:v>
                </c:pt>
                <c:pt idx="6802">
                  <c:v>-541401.17670595099</c:v>
                </c:pt>
                <c:pt idx="6803">
                  <c:v>-546542.213035397</c:v>
                </c:pt>
                <c:pt idx="6804">
                  <c:v>-548852.09376851295</c:v>
                </c:pt>
                <c:pt idx="6805">
                  <c:v>-548642.15285048005</c:v>
                </c:pt>
                <c:pt idx="6806">
                  <c:v>-548212.59303229698</c:v>
                </c:pt>
                <c:pt idx="6807">
                  <c:v>-547980.91205635096</c:v>
                </c:pt>
                <c:pt idx="6808">
                  <c:v>-550231.72239338199</c:v>
                </c:pt>
                <c:pt idx="6809">
                  <c:v>-548902.68600363703</c:v>
                </c:pt>
                <c:pt idx="6810">
                  <c:v>-550020.06198928901</c:v>
                </c:pt>
                <c:pt idx="6811">
                  <c:v>-549269.03569388704</c:v>
                </c:pt>
                <c:pt idx="6812">
                  <c:v>-545120.06278709101</c:v>
                </c:pt>
                <c:pt idx="6813">
                  <c:v>-544778.63764077495</c:v>
                </c:pt>
                <c:pt idx="6814">
                  <c:v>-552050.24074212299</c:v>
                </c:pt>
                <c:pt idx="6815">
                  <c:v>-548214.23674365599</c:v>
                </c:pt>
                <c:pt idx="6816">
                  <c:v>-543515.31669664895</c:v>
                </c:pt>
                <c:pt idx="6817">
                  <c:v>-545643.34032352199</c:v>
                </c:pt>
                <c:pt idx="6818">
                  <c:v>-546088.51051568997</c:v>
                </c:pt>
                <c:pt idx="6819">
                  <c:v>-545485.361436376</c:v>
                </c:pt>
                <c:pt idx="6820">
                  <c:v>-545485.361436376</c:v>
                </c:pt>
                <c:pt idx="6821">
                  <c:v>-547104.15518640995</c:v>
                </c:pt>
                <c:pt idx="6822">
                  <c:v>-549785.18918802601</c:v>
                </c:pt>
                <c:pt idx="6823">
                  <c:v>-557756.244971412</c:v>
                </c:pt>
                <c:pt idx="6824">
                  <c:v>-559495.13511385396</c:v>
                </c:pt>
                <c:pt idx="6825">
                  <c:v>-558308.39966264705</c:v>
                </c:pt>
                <c:pt idx="6826">
                  <c:v>-563003.02433799603</c:v>
                </c:pt>
                <c:pt idx="6827">
                  <c:v>-563003.02433799603</c:v>
                </c:pt>
                <c:pt idx="6828">
                  <c:v>-566382.563234512</c:v>
                </c:pt>
                <c:pt idx="6829">
                  <c:v>-565798.94297752599</c:v>
                </c:pt>
                <c:pt idx="6830">
                  <c:v>-566038.55526035</c:v>
                </c:pt>
                <c:pt idx="6831">
                  <c:v>-566124.32049011695</c:v>
                </c:pt>
                <c:pt idx="6832">
                  <c:v>-565154.941642388</c:v>
                </c:pt>
                <c:pt idx="6833">
                  <c:v>-565154.941642388</c:v>
                </c:pt>
                <c:pt idx="6834">
                  <c:v>-564729.66757233196</c:v>
                </c:pt>
                <c:pt idx="6835">
                  <c:v>-568000.452600113</c:v>
                </c:pt>
                <c:pt idx="6836">
                  <c:v>-568000.452600113</c:v>
                </c:pt>
                <c:pt idx="6837">
                  <c:v>-568000.452600113</c:v>
                </c:pt>
                <c:pt idx="6838">
                  <c:v>-568000.452600113</c:v>
                </c:pt>
                <c:pt idx="6839">
                  <c:v>-564454.66879823105</c:v>
                </c:pt>
                <c:pt idx="6840">
                  <c:v>-560029.85963603097</c:v>
                </c:pt>
                <c:pt idx="6841">
                  <c:v>-561614.16625524103</c:v>
                </c:pt>
                <c:pt idx="6842">
                  <c:v>-564023.34419394995</c:v>
                </c:pt>
                <c:pt idx="6843">
                  <c:v>-563253.47520494496</c:v>
                </c:pt>
                <c:pt idx="6844">
                  <c:v>-556134.34833232197</c:v>
                </c:pt>
                <c:pt idx="6845">
                  <c:v>-556134.34833232197</c:v>
                </c:pt>
                <c:pt idx="6846">
                  <c:v>-557373.32557149604</c:v>
                </c:pt>
                <c:pt idx="6847">
                  <c:v>-561126.20769002195</c:v>
                </c:pt>
                <c:pt idx="6848">
                  <c:v>-561126.20769002195</c:v>
                </c:pt>
                <c:pt idx="6849">
                  <c:v>-563995.86028744804</c:v>
                </c:pt>
                <c:pt idx="6850">
                  <c:v>-565093.16319316195</c:v>
                </c:pt>
                <c:pt idx="6851">
                  <c:v>-561308.09006231895</c:v>
                </c:pt>
                <c:pt idx="6852">
                  <c:v>-556211.734256575</c:v>
                </c:pt>
                <c:pt idx="6853">
                  <c:v>-553279.07288284402</c:v>
                </c:pt>
                <c:pt idx="6854">
                  <c:v>-549302.47603962698</c:v>
                </c:pt>
                <c:pt idx="6855">
                  <c:v>-549302.47603962698</c:v>
                </c:pt>
                <c:pt idx="6856">
                  <c:v>-549302.47603962698</c:v>
                </c:pt>
                <c:pt idx="6857">
                  <c:v>-549302.47603962698</c:v>
                </c:pt>
                <c:pt idx="6858">
                  <c:v>-542198.522910589</c:v>
                </c:pt>
                <c:pt idx="6859">
                  <c:v>-540112.71094426699</c:v>
                </c:pt>
                <c:pt idx="6860">
                  <c:v>-540112.71094426699</c:v>
                </c:pt>
                <c:pt idx="6861">
                  <c:v>-541169.83629026404</c:v>
                </c:pt>
                <c:pt idx="6862">
                  <c:v>-541169.83629026404</c:v>
                </c:pt>
                <c:pt idx="6863">
                  <c:v>-526033.35653958004</c:v>
                </c:pt>
                <c:pt idx="6864">
                  <c:v>-524830.89228801604</c:v>
                </c:pt>
                <c:pt idx="6865">
                  <c:v>-528929.09116299998</c:v>
                </c:pt>
                <c:pt idx="6866">
                  <c:v>-528929.09116299998</c:v>
                </c:pt>
                <c:pt idx="6867">
                  <c:v>-526308.03344486095</c:v>
                </c:pt>
                <c:pt idx="6868">
                  <c:v>-526196.78879466397</c:v>
                </c:pt>
                <c:pt idx="6869">
                  <c:v>-523340.97422661399</c:v>
                </c:pt>
                <c:pt idx="6870">
                  <c:v>-528156.73838470597</c:v>
                </c:pt>
                <c:pt idx="6871">
                  <c:v>-542102.13174046401</c:v>
                </c:pt>
                <c:pt idx="6872">
                  <c:v>-532290.17542270198</c:v>
                </c:pt>
                <c:pt idx="6873">
                  <c:v>-528721.94378402596</c:v>
                </c:pt>
                <c:pt idx="6874">
                  <c:v>-520107.92719780799</c:v>
                </c:pt>
                <c:pt idx="6875">
                  <c:v>-521046.51964604098</c:v>
                </c:pt>
                <c:pt idx="6876">
                  <c:v>-520380.37320633599</c:v>
                </c:pt>
                <c:pt idx="6877">
                  <c:v>-520380.37320633599</c:v>
                </c:pt>
                <c:pt idx="6878">
                  <c:v>-510301.44589430798</c:v>
                </c:pt>
                <c:pt idx="6879">
                  <c:v>-511073.610005542</c:v>
                </c:pt>
                <c:pt idx="6880">
                  <c:v>-511437.13415400498</c:v>
                </c:pt>
                <c:pt idx="6881">
                  <c:v>-511522.10690882098</c:v>
                </c:pt>
                <c:pt idx="6882">
                  <c:v>-507161.86080066802</c:v>
                </c:pt>
                <c:pt idx="6883">
                  <c:v>-507161.86080066802</c:v>
                </c:pt>
                <c:pt idx="6884">
                  <c:v>-513681.987606398</c:v>
                </c:pt>
                <c:pt idx="6885">
                  <c:v>-513295.76802331</c:v>
                </c:pt>
                <c:pt idx="6886">
                  <c:v>-515492.71621573198</c:v>
                </c:pt>
                <c:pt idx="6887">
                  <c:v>-514907.25328937999</c:v>
                </c:pt>
                <c:pt idx="6888">
                  <c:v>-513968.261890836</c:v>
                </c:pt>
                <c:pt idx="6889">
                  <c:v>-513968.261890836</c:v>
                </c:pt>
                <c:pt idx="6890">
                  <c:v>-515108.63322534802</c:v>
                </c:pt>
                <c:pt idx="6891">
                  <c:v>-513298.11654180399</c:v>
                </c:pt>
                <c:pt idx="6892">
                  <c:v>-512079.98295853002</c:v>
                </c:pt>
                <c:pt idx="6893">
                  <c:v>-517381.98719016201</c:v>
                </c:pt>
                <c:pt idx="6894">
                  <c:v>-514506.77717600297</c:v>
                </c:pt>
                <c:pt idx="6895">
                  <c:v>-514506.77717600297</c:v>
                </c:pt>
                <c:pt idx="6896">
                  <c:v>-513880.44843271899</c:v>
                </c:pt>
                <c:pt idx="6897">
                  <c:v>-513357.23096612602</c:v>
                </c:pt>
                <c:pt idx="6898">
                  <c:v>-512014.43616933498</c:v>
                </c:pt>
                <c:pt idx="6899">
                  <c:v>-517133.44196570298</c:v>
                </c:pt>
                <c:pt idx="6900">
                  <c:v>-517133.44196570298</c:v>
                </c:pt>
                <c:pt idx="6901">
                  <c:v>-517133.44196570298</c:v>
                </c:pt>
                <c:pt idx="6902">
                  <c:v>-512072.54281148303</c:v>
                </c:pt>
                <c:pt idx="6903">
                  <c:v>-514709.96827927203</c:v>
                </c:pt>
                <c:pt idx="6904">
                  <c:v>-515948.06447184499</c:v>
                </c:pt>
                <c:pt idx="6905">
                  <c:v>-511808.616483388</c:v>
                </c:pt>
                <c:pt idx="6906">
                  <c:v>-510389.49685168202</c:v>
                </c:pt>
                <c:pt idx="6907">
                  <c:v>-509727.45791960799</c:v>
                </c:pt>
                <c:pt idx="6908">
                  <c:v>-503825.63938452798</c:v>
                </c:pt>
                <c:pt idx="6909">
                  <c:v>-503825.63938452798</c:v>
                </c:pt>
                <c:pt idx="6910">
                  <c:v>-503825.63938452798</c:v>
                </c:pt>
                <c:pt idx="6911">
                  <c:v>-506482.79841270199</c:v>
                </c:pt>
                <c:pt idx="6912">
                  <c:v>-503447.98519650201</c:v>
                </c:pt>
                <c:pt idx="6913">
                  <c:v>-496971.89272344601</c:v>
                </c:pt>
                <c:pt idx="6914">
                  <c:v>-497200.73471012502</c:v>
                </c:pt>
                <c:pt idx="6915">
                  <c:v>-494152.36432740302</c:v>
                </c:pt>
                <c:pt idx="6916">
                  <c:v>-492884.64168499701</c:v>
                </c:pt>
                <c:pt idx="6917">
                  <c:v>-489332.2259053</c:v>
                </c:pt>
                <c:pt idx="6918">
                  <c:v>-489309.04531573103</c:v>
                </c:pt>
                <c:pt idx="6919">
                  <c:v>-483474.361477834</c:v>
                </c:pt>
                <c:pt idx="6920">
                  <c:v>-487403.014274052</c:v>
                </c:pt>
                <c:pt idx="6921">
                  <c:v>-487403.014274052</c:v>
                </c:pt>
                <c:pt idx="6922">
                  <c:v>-487403.014274052</c:v>
                </c:pt>
                <c:pt idx="6923">
                  <c:v>-488324.34540901199</c:v>
                </c:pt>
                <c:pt idx="6924">
                  <c:v>-488936.81045748899</c:v>
                </c:pt>
                <c:pt idx="6925">
                  <c:v>-488936.81045748899</c:v>
                </c:pt>
                <c:pt idx="6926">
                  <c:v>-486572.14909496298</c:v>
                </c:pt>
                <c:pt idx="6927">
                  <c:v>-486572.14909496298</c:v>
                </c:pt>
                <c:pt idx="6928">
                  <c:v>-484891.26785263303</c:v>
                </c:pt>
                <c:pt idx="6929">
                  <c:v>-486724.67890208203</c:v>
                </c:pt>
                <c:pt idx="6930">
                  <c:v>-483340.792011532</c:v>
                </c:pt>
                <c:pt idx="6931">
                  <c:v>-484245.17857798102</c:v>
                </c:pt>
                <c:pt idx="6932">
                  <c:v>-486392.864955111</c:v>
                </c:pt>
                <c:pt idx="6933">
                  <c:v>-481631.87854475598</c:v>
                </c:pt>
                <c:pt idx="6934">
                  <c:v>-484588.182150957</c:v>
                </c:pt>
                <c:pt idx="6935">
                  <c:v>-484303.67834119103</c:v>
                </c:pt>
                <c:pt idx="6936">
                  <c:v>-478753.65769196302</c:v>
                </c:pt>
                <c:pt idx="6937">
                  <c:v>-478753.65769196302</c:v>
                </c:pt>
                <c:pt idx="6938">
                  <c:v>-478753.65769196302</c:v>
                </c:pt>
                <c:pt idx="6939">
                  <c:v>-477834.55470289499</c:v>
                </c:pt>
                <c:pt idx="6940">
                  <c:v>-473658.60409537301</c:v>
                </c:pt>
                <c:pt idx="6941">
                  <c:v>-469127.98349375802</c:v>
                </c:pt>
                <c:pt idx="6942">
                  <c:v>-469127.98349375802</c:v>
                </c:pt>
                <c:pt idx="6943">
                  <c:v>-464324.83256569802</c:v>
                </c:pt>
                <c:pt idx="6944">
                  <c:v>-464322.02402693802</c:v>
                </c:pt>
                <c:pt idx="6945">
                  <c:v>-464322.02402693802</c:v>
                </c:pt>
                <c:pt idx="6946">
                  <c:v>-464970.04684201302</c:v>
                </c:pt>
                <c:pt idx="6947">
                  <c:v>-464970.04684201302</c:v>
                </c:pt>
                <c:pt idx="6948">
                  <c:v>-468021.87173647102</c:v>
                </c:pt>
                <c:pt idx="6949">
                  <c:v>-468476.52997414803</c:v>
                </c:pt>
                <c:pt idx="6950">
                  <c:v>-468460.676065468</c:v>
                </c:pt>
                <c:pt idx="6951">
                  <c:v>-468460.676065468</c:v>
                </c:pt>
                <c:pt idx="6952">
                  <c:v>-470568.625347041</c:v>
                </c:pt>
                <c:pt idx="6953">
                  <c:v>-463643.34026506898</c:v>
                </c:pt>
                <c:pt idx="6954">
                  <c:v>-463643.34026506898</c:v>
                </c:pt>
                <c:pt idx="6955">
                  <c:v>-463643.34026506898</c:v>
                </c:pt>
                <c:pt idx="6956">
                  <c:v>-468991.54226089199</c:v>
                </c:pt>
                <c:pt idx="6957">
                  <c:v>-469659.71610625501</c:v>
                </c:pt>
                <c:pt idx="6958">
                  <c:v>-473032.22234196699</c:v>
                </c:pt>
                <c:pt idx="6959">
                  <c:v>-474785.69470932102</c:v>
                </c:pt>
                <c:pt idx="6960">
                  <c:v>-471092.51826843602</c:v>
                </c:pt>
                <c:pt idx="6961">
                  <c:v>-473037.18623328197</c:v>
                </c:pt>
                <c:pt idx="6962">
                  <c:v>-473296.938293899</c:v>
                </c:pt>
                <c:pt idx="6963">
                  <c:v>-465074.91846480698</c:v>
                </c:pt>
                <c:pt idx="6964">
                  <c:v>-465074.91846480698</c:v>
                </c:pt>
                <c:pt idx="6965">
                  <c:v>-465628.19752202497</c:v>
                </c:pt>
                <c:pt idx="6966">
                  <c:v>-467617.307881399</c:v>
                </c:pt>
                <c:pt idx="6967">
                  <c:v>-465907.93897505</c:v>
                </c:pt>
                <c:pt idx="6968">
                  <c:v>-465517.832513056</c:v>
                </c:pt>
                <c:pt idx="6969">
                  <c:v>-464871.71580712899</c:v>
                </c:pt>
                <c:pt idx="6970">
                  <c:v>-451079.92800350802</c:v>
                </c:pt>
                <c:pt idx="6971">
                  <c:v>-453318.75976166799</c:v>
                </c:pt>
                <c:pt idx="6972">
                  <c:v>-455223.862306647</c:v>
                </c:pt>
                <c:pt idx="6973">
                  <c:v>-453685.81547430099</c:v>
                </c:pt>
                <c:pt idx="6974">
                  <c:v>-453685.81547430099</c:v>
                </c:pt>
                <c:pt idx="6975">
                  <c:v>-454118.04155281303</c:v>
                </c:pt>
                <c:pt idx="6976">
                  <c:v>-455578.52135925897</c:v>
                </c:pt>
                <c:pt idx="6977">
                  <c:v>-451041.97901748499</c:v>
                </c:pt>
                <c:pt idx="6978">
                  <c:v>-451976.29989606602</c:v>
                </c:pt>
                <c:pt idx="6979">
                  <c:v>-451976.29989606602</c:v>
                </c:pt>
                <c:pt idx="6980">
                  <c:v>-448722.31735832099</c:v>
                </c:pt>
                <c:pt idx="6981">
                  <c:v>-448722.31735832099</c:v>
                </c:pt>
                <c:pt idx="6982">
                  <c:v>-458592.848078879</c:v>
                </c:pt>
                <c:pt idx="6983">
                  <c:v>-458882.00696580001</c:v>
                </c:pt>
                <c:pt idx="6984">
                  <c:v>-460384.34582537803</c:v>
                </c:pt>
                <c:pt idx="6985">
                  <c:v>-460384.34582537803</c:v>
                </c:pt>
                <c:pt idx="6986">
                  <c:v>-466482.58953897102</c:v>
                </c:pt>
                <c:pt idx="6987">
                  <c:v>-466908.65288989799</c:v>
                </c:pt>
                <c:pt idx="6988">
                  <c:v>-470052.23516731802</c:v>
                </c:pt>
                <c:pt idx="6989">
                  <c:v>-470052.23516731802</c:v>
                </c:pt>
                <c:pt idx="6990">
                  <c:v>-470052.23516731802</c:v>
                </c:pt>
                <c:pt idx="6991">
                  <c:v>-470052.23516731802</c:v>
                </c:pt>
                <c:pt idx="6992">
                  <c:v>-468678.50450372702</c:v>
                </c:pt>
                <c:pt idx="6993">
                  <c:v>-468678.50450372702</c:v>
                </c:pt>
                <c:pt idx="6994">
                  <c:v>-468678.50450372702</c:v>
                </c:pt>
                <c:pt idx="6995">
                  <c:v>-466901.75125548802</c:v>
                </c:pt>
                <c:pt idx="6996">
                  <c:v>-466745.79340594099</c:v>
                </c:pt>
                <c:pt idx="6997">
                  <c:v>-464278.27561453503</c:v>
                </c:pt>
                <c:pt idx="6998">
                  <c:v>-462771.93851903098</c:v>
                </c:pt>
                <c:pt idx="6999">
                  <c:v>-462137.45739412803</c:v>
                </c:pt>
                <c:pt idx="7000">
                  <c:v>-460512.80874515901</c:v>
                </c:pt>
                <c:pt idx="7001">
                  <c:v>-460512.80874515901</c:v>
                </c:pt>
                <c:pt idx="7002">
                  <c:v>-460512.80874515901</c:v>
                </c:pt>
                <c:pt idx="7003">
                  <c:v>-462820.918062818</c:v>
                </c:pt>
                <c:pt idx="7004">
                  <c:v>-464209.853746037</c:v>
                </c:pt>
                <c:pt idx="7005">
                  <c:v>-453594.73661829002</c:v>
                </c:pt>
                <c:pt idx="7006">
                  <c:v>-455207.98948078399</c:v>
                </c:pt>
                <c:pt idx="7007">
                  <c:v>-454103.04131752998</c:v>
                </c:pt>
                <c:pt idx="7008">
                  <c:v>-454200.20637466398</c:v>
                </c:pt>
                <c:pt idx="7009">
                  <c:v>-454200.20637466398</c:v>
                </c:pt>
                <c:pt idx="7010">
                  <c:v>-461800.85620119702</c:v>
                </c:pt>
                <c:pt idx="7011">
                  <c:v>-459621.30927616498</c:v>
                </c:pt>
                <c:pt idx="7012">
                  <c:v>-452426.83323635801</c:v>
                </c:pt>
                <c:pt idx="7013">
                  <c:v>-448452.47855921002</c:v>
                </c:pt>
                <c:pt idx="7014">
                  <c:v>-448553.149703242</c:v>
                </c:pt>
                <c:pt idx="7015">
                  <c:v>-448553.149703242</c:v>
                </c:pt>
                <c:pt idx="7016">
                  <c:v>-447320.55457456701</c:v>
                </c:pt>
                <c:pt idx="7017">
                  <c:v>-447510.98877958697</c:v>
                </c:pt>
                <c:pt idx="7018">
                  <c:v>-447359.862602012</c:v>
                </c:pt>
                <c:pt idx="7019">
                  <c:v>-447359.862602012</c:v>
                </c:pt>
                <c:pt idx="7020">
                  <c:v>-444229.31510527199</c:v>
                </c:pt>
                <c:pt idx="7021">
                  <c:v>-448162.203587531</c:v>
                </c:pt>
                <c:pt idx="7022">
                  <c:v>-449324.51796902798</c:v>
                </c:pt>
                <c:pt idx="7023">
                  <c:v>-450044.52763656498</c:v>
                </c:pt>
                <c:pt idx="7024">
                  <c:v>-451330.49927098898</c:v>
                </c:pt>
                <c:pt idx="7025">
                  <c:v>-451314.20447857102</c:v>
                </c:pt>
                <c:pt idx="7026">
                  <c:v>-451314.20447857102</c:v>
                </c:pt>
                <c:pt idx="7027">
                  <c:v>-450682.69268601201</c:v>
                </c:pt>
                <c:pt idx="7028">
                  <c:v>-450682.69268601201</c:v>
                </c:pt>
                <c:pt idx="7029">
                  <c:v>-451884.98091479897</c:v>
                </c:pt>
                <c:pt idx="7030">
                  <c:v>-445705.32227553602</c:v>
                </c:pt>
                <c:pt idx="7031">
                  <c:v>-442438.599484896</c:v>
                </c:pt>
                <c:pt idx="7032">
                  <c:v>-441103.94474964403</c:v>
                </c:pt>
                <c:pt idx="7033">
                  <c:v>-441103.94474964403</c:v>
                </c:pt>
                <c:pt idx="7034">
                  <c:v>-441103.94474964403</c:v>
                </c:pt>
                <c:pt idx="7035">
                  <c:v>-440621.01991467603</c:v>
                </c:pt>
                <c:pt idx="7036">
                  <c:v>-437990.28253116598</c:v>
                </c:pt>
                <c:pt idx="7037">
                  <c:v>-434707.327191099</c:v>
                </c:pt>
                <c:pt idx="7038">
                  <c:v>-440935.74210541102</c:v>
                </c:pt>
                <c:pt idx="7039">
                  <c:v>-435058.24944067502</c:v>
                </c:pt>
                <c:pt idx="7040">
                  <c:v>-435058.24944067502</c:v>
                </c:pt>
                <c:pt idx="7041">
                  <c:v>-438314.965203589</c:v>
                </c:pt>
                <c:pt idx="7042">
                  <c:v>-438314.965203589</c:v>
                </c:pt>
                <c:pt idx="7043">
                  <c:v>-436983.36628963699</c:v>
                </c:pt>
                <c:pt idx="7044">
                  <c:v>-435688.82042079599</c:v>
                </c:pt>
                <c:pt idx="7045">
                  <c:v>-436214.74780763598</c:v>
                </c:pt>
                <c:pt idx="7046">
                  <c:v>-437653.55962856399</c:v>
                </c:pt>
                <c:pt idx="7047">
                  <c:v>-437653.55962856399</c:v>
                </c:pt>
                <c:pt idx="7048">
                  <c:v>-435344.35945830098</c:v>
                </c:pt>
                <c:pt idx="7049">
                  <c:v>-435344.35945830098</c:v>
                </c:pt>
                <c:pt idx="7050">
                  <c:v>-435129.818531867</c:v>
                </c:pt>
                <c:pt idx="7051">
                  <c:v>-435129.818531867</c:v>
                </c:pt>
                <c:pt idx="7052">
                  <c:v>-435129.818531867</c:v>
                </c:pt>
                <c:pt idx="7053">
                  <c:v>-433947.06101122702</c:v>
                </c:pt>
                <c:pt idx="7054">
                  <c:v>-437557.83829230699</c:v>
                </c:pt>
                <c:pt idx="7055">
                  <c:v>-435483.171324083</c:v>
                </c:pt>
                <c:pt idx="7056">
                  <c:v>-442847.07721731201</c:v>
                </c:pt>
                <c:pt idx="7057">
                  <c:v>-442491.78500230698</c:v>
                </c:pt>
                <c:pt idx="7058">
                  <c:v>-447046.18152790598</c:v>
                </c:pt>
                <c:pt idx="7059">
                  <c:v>-449340.38880116999</c:v>
                </c:pt>
                <c:pt idx="7060">
                  <c:v>-451988.43739807</c:v>
                </c:pt>
                <c:pt idx="7061">
                  <c:v>-451507.25836397102</c:v>
                </c:pt>
                <c:pt idx="7062">
                  <c:v>-454254.09533640102</c:v>
                </c:pt>
                <c:pt idx="7063">
                  <c:v>-451892.618410233</c:v>
                </c:pt>
                <c:pt idx="7064">
                  <c:v>-451892.618410233</c:v>
                </c:pt>
                <c:pt idx="7065">
                  <c:v>-451678.31319211097</c:v>
                </c:pt>
                <c:pt idx="7066">
                  <c:v>-442846.32412632398</c:v>
                </c:pt>
                <c:pt idx="7067">
                  <c:v>-440241.93753490399</c:v>
                </c:pt>
                <c:pt idx="7068">
                  <c:v>-440241.93753490399</c:v>
                </c:pt>
                <c:pt idx="7069">
                  <c:v>-437233.49320518202</c:v>
                </c:pt>
                <c:pt idx="7070">
                  <c:v>-434008.76897215802</c:v>
                </c:pt>
                <c:pt idx="7071">
                  <c:v>-434008.76897215802</c:v>
                </c:pt>
                <c:pt idx="7072">
                  <c:v>-434008.76897215802</c:v>
                </c:pt>
                <c:pt idx="7073">
                  <c:v>-434017.74693625601</c:v>
                </c:pt>
                <c:pt idx="7074">
                  <c:v>-434293.39772920002</c:v>
                </c:pt>
                <c:pt idx="7075">
                  <c:v>-434293.39772920002</c:v>
                </c:pt>
                <c:pt idx="7076">
                  <c:v>-434293.39772920002</c:v>
                </c:pt>
                <c:pt idx="7077">
                  <c:v>-441145.95305088698</c:v>
                </c:pt>
                <c:pt idx="7078">
                  <c:v>-442401.49754671101</c:v>
                </c:pt>
                <c:pt idx="7079">
                  <c:v>-443503.09133023402</c:v>
                </c:pt>
                <c:pt idx="7080">
                  <c:v>-443251.68719417299</c:v>
                </c:pt>
                <c:pt idx="7081">
                  <c:v>-441421.089538573</c:v>
                </c:pt>
                <c:pt idx="7082">
                  <c:v>-439219.97931376798</c:v>
                </c:pt>
                <c:pt idx="7083">
                  <c:v>-439960.98897265602</c:v>
                </c:pt>
                <c:pt idx="7084">
                  <c:v>-432253.58649544901</c:v>
                </c:pt>
                <c:pt idx="7085">
                  <c:v>-425924.104111575</c:v>
                </c:pt>
                <c:pt idx="7086">
                  <c:v>-426616.29635888</c:v>
                </c:pt>
                <c:pt idx="7087">
                  <c:v>-425332.82417760201</c:v>
                </c:pt>
                <c:pt idx="7088">
                  <c:v>-423070.817358531</c:v>
                </c:pt>
                <c:pt idx="7089">
                  <c:v>-423201.17196479498</c:v>
                </c:pt>
                <c:pt idx="7090">
                  <c:v>-417969.71205324598</c:v>
                </c:pt>
                <c:pt idx="7091">
                  <c:v>-415358.52549238002</c:v>
                </c:pt>
                <c:pt idx="7092">
                  <c:v>-421545.92454612302</c:v>
                </c:pt>
                <c:pt idx="7093">
                  <c:v>-417394.83339319797</c:v>
                </c:pt>
                <c:pt idx="7094">
                  <c:v>-417241.44928033103</c:v>
                </c:pt>
                <c:pt idx="7095">
                  <c:v>-414822.86118943099</c:v>
                </c:pt>
                <c:pt idx="7096">
                  <c:v>-415251.05511784402</c:v>
                </c:pt>
                <c:pt idx="7097">
                  <c:v>-413082.53136263299</c:v>
                </c:pt>
                <c:pt idx="7098">
                  <c:v>-410407.80715582502</c:v>
                </c:pt>
                <c:pt idx="7099">
                  <c:v>-407897.39313658403</c:v>
                </c:pt>
                <c:pt idx="7100">
                  <c:v>-407897.39313658403</c:v>
                </c:pt>
                <c:pt idx="7101">
                  <c:v>-403974.91424698097</c:v>
                </c:pt>
                <c:pt idx="7102">
                  <c:v>-407108.68671042903</c:v>
                </c:pt>
                <c:pt idx="7103">
                  <c:v>-405215.31958901102</c:v>
                </c:pt>
                <c:pt idx="7104">
                  <c:v>-405567.88731830299</c:v>
                </c:pt>
                <c:pt idx="7105">
                  <c:v>-405567.88731830299</c:v>
                </c:pt>
                <c:pt idx="7106">
                  <c:v>-407662.82022212102</c:v>
                </c:pt>
                <c:pt idx="7107">
                  <c:v>-407468.33684324397</c:v>
                </c:pt>
                <c:pt idx="7108">
                  <c:v>-407468.33684324397</c:v>
                </c:pt>
                <c:pt idx="7109">
                  <c:v>-407468.33684324397</c:v>
                </c:pt>
                <c:pt idx="7110">
                  <c:v>-410660.48342115799</c:v>
                </c:pt>
                <c:pt idx="7111">
                  <c:v>-410660.48342115799</c:v>
                </c:pt>
                <c:pt idx="7112">
                  <c:v>-414952.56938682398</c:v>
                </c:pt>
                <c:pt idx="7113">
                  <c:v>-414952.56938682398</c:v>
                </c:pt>
                <c:pt idx="7114">
                  <c:v>-416917.83681004099</c:v>
                </c:pt>
                <c:pt idx="7115">
                  <c:v>-416803.96845042298</c:v>
                </c:pt>
                <c:pt idx="7116">
                  <c:v>-421749.685987334</c:v>
                </c:pt>
                <c:pt idx="7117">
                  <c:v>-417679.66352187202</c:v>
                </c:pt>
                <c:pt idx="7118">
                  <c:v>-422238.049039651</c:v>
                </c:pt>
                <c:pt idx="7119">
                  <c:v>-422229.10458580998</c:v>
                </c:pt>
                <c:pt idx="7120">
                  <c:v>-423594.38142950099</c:v>
                </c:pt>
                <c:pt idx="7121">
                  <c:v>-421341.98521898501</c:v>
                </c:pt>
                <c:pt idx="7122">
                  <c:v>-419793.30138408899</c:v>
                </c:pt>
                <c:pt idx="7123">
                  <c:v>-418426.80190546002</c:v>
                </c:pt>
                <c:pt idx="7124">
                  <c:v>-417952.71567265602</c:v>
                </c:pt>
                <c:pt idx="7125">
                  <c:v>-415846.75654629001</c:v>
                </c:pt>
                <c:pt idx="7126">
                  <c:v>-417236.28992890799</c:v>
                </c:pt>
                <c:pt idx="7127">
                  <c:v>-411019.37384663202</c:v>
                </c:pt>
                <c:pt idx="7128">
                  <c:v>-409608.079303123</c:v>
                </c:pt>
                <c:pt idx="7129">
                  <c:v>-406547.730515578</c:v>
                </c:pt>
                <c:pt idx="7130">
                  <c:v>-407536.04875725502</c:v>
                </c:pt>
                <c:pt idx="7131">
                  <c:v>-407804.80812488199</c:v>
                </c:pt>
                <c:pt idx="7132">
                  <c:v>-406773.58934607799</c:v>
                </c:pt>
                <c:pt idx="7133">
                  <c:v>-405734.75309579697</c:v>
                </c:pt>
                <c:pt idx="7134">
                  <c:v>-405773.75509145297</c:v>
                </c:pt>
                <c:pt idx="7135">
                  <c:v>-405773.75509145297</c:v>
                </c:pt>
                <c:pt idx="7136">
                  <c:v>-403883.25712882401</c:v>
                </c:pt>
                <c:pt idx="7137">
                  <c:v>-402952.92284811899</c:v>
                </c:pt>
                <c:pt idx="7138">
                  <c:v>-402952.92284811899</c:v>
                </c:pt>
                <c:pt idx="7139">
                  <c:v>-399012.61667599599</c:v>
                </c:pt>
                <c:pt idx="7140">
                  <c:v>-403238.75153210998</c:v>
                </c:pt>
                <c:pt idx="7141">
                  <c:v>-400053.781249088</c:v>
                </c:pt>
                <c:pt idx="7142">
                  <c:v>-395612.86709066201</c:v>
                </c:pt>
                <c:pt idx="7143">
                  <c:v>-392713.05304793501</c:v>
                </c:pt>
                <c:pt idx="7144">
                  <c:v>-394241.67034692701</c:v>
                </c:pt>
                <c:pt idx="7145">
                  <c:v>-392568.89151041</c:v>
                </c:pt>
                <c:pt idx="7146">
                  <c:v>-392568.89151041</c:v>
                </c:pt>
                <c:pt idx="7147">
                  <c:v>-389923.24236565101</c:v>
                </c:pt>
                <c:pt idx="7148">
                  <c:v>-385384.34770069201</c:v>
                </c:pt>
                <c:pt idx="7149">
                  <c:v>-389751.28995619499</c:v>
                </c:pt>
                <c:pt idx="7150">
                  <c:v>-387125.36819019902</c:v>
                </c:pt>
                <c:pt idx="7151">
                  <c:v>-387489.114346191</c:v>
                </c:pt>
                <c:pt idx="7152">
                  <c:v>-387489.114346191</c:v>
                </c:pt>
                <c:pt idx="7153">
                  <c:v>-385909.74297397101</c:v>
                </c:pt>
                <c:pt idx="7154">
                  <c:v>-385308.63479480502</c:v>
                </c:pt>
                <c:pt idx="7155">
                  <c:v>-383059.78989248199</c:v>
                </c:pt>
                <c:pt idx="7156">
                  <c:v>-382791.24064654898</c:v>
                </c:pt>
                <c:pt idx="7157">
                  <c:v>-381420.79974321701</c:v>
                </c:pt>
                <c:pt idx="7158">
                  <c:v>-380432.17341688799</c:v>
                </c:pt>
                <c:pt idx="7159">
                  <c:v>-377458.997727749</c:v>
                </c:pt>
                <c:pt idx="7160">
                  <c:v>-377458.997727749</c:v>
                </c:pt>
                <c:pt idx="7161">
                  <c:v>-377458.997727749</c:v>
                </c:pt>
                <c:pt idx="7162">
                  <c:v>-375581.35085715301</c:v>
                </c:pt>
                <c:pt idx="7163">
                  <c:v>-375581.35085715301</c:v>
                </c:pt>
                <c:pt idx="7164">
                  <c:v>-372636.11142150802</c:v>
                </c:pt>
                <c:pt idx="7165">
                  <c:v>-370444.600062371</c:v>
                </c:pt>
                <c:pt idx="7166">
                  <c:v>-370444.600062371</c:v>
                </c:pt>
                <c:pt idx="7167">
                  <c:v>-370444.600062371</c:v>
                </c:pt>
                <c:pt idx="7168">
                  <c:v>-368584.51023166702</c:v>
                </c:pt>
                <c:pt idx="7169">
                  <c:v>-367599.72768402298</c:v>
                </c:pt>
                <c:pt idx="7170">
                  <c:v>-365325.87649629399</c:v>
                </c:pt>
                <c:pt idx="7171">
                  <c:v>-364088.67795401398</c:v>
                </c:pt>
                <c:pt idx="7172">
                  <c:v>-364088.67795401398</c:v>
                </c:pt>
                <c:pt idx="7173">
                  <c:v>-361685.56140255497</c:v>
                </c:pt>
                <c:pt idx="7174">
                  <c:v>-357556.99032843299</c:v>
                </c:pt>
                <c:pt idx="7175">
                  <c:v>-361713.94457422098</c:v>
                </c:pt>
                <c:pt idx="7176">
                  <c:v>-362430.17152305401</c:v>
                </c:pt>
                <c:pt idx="7177">
                  <c:v>-362026.16764829698</c:v>
                </c:pt>
                <c:pt idx="7178">
                  <c:v>-362026.16764829698</c:v>
                </c:pt>
                <c:pt idx="7179">
                  <c:v>-362421.48163246497</c:v>
                </c:pt>
                <c:pt idx="7180">
                  <c:v>-358824.68338108202</c:v>
                </c:pt>
                <c:pt idx="7181">
                  <c:v>-360700.68302739901</c:v>
                </c:pt>
                <c:pt idx="7182">
                  <c:v>-360700.68302739901</c:v>
                </c:pt>
                <c:pt idx="7183">
                  <c:v>-360147.04869621998</c:v>
                </c:pt>
                <c:pt idx="7184">
                  <c:v>-358246.25905111601</c:v>
                </c:pt>
                <c:pt idx="7185">
                  <c:v>-357689.12195046502</c:v>
                </c:pt>
                <c:pt idx="7186">
                  <c:v>-359968.99222690403</c:v>
                </c:pt>
                <c:pt idx="7187">
                  <c:v>-358580.57938865299</c:v>
                </c:pt>
                <c:pt idx="7188">
                  <c:v>-358580.57938865299</c:v>
                </c:pt>
                <c:pt idx="7189">
                  <c:v>-359323.781353231</c:v>
                </c:pt>
                <c:pt idx="7190">
                  <c:v>-359720.52543013199</c:v>
                </c:pt>
                <c:pt idx="7191">
                  <c:v>-359720.52543013199</c:v>
                </c:pt>
                <c:pt idx="7192">
                  <c:v>-351656.563526146</c:v>
                </c:pt>
                <c:pt idx="7193">
                  <c:v>-349172.75615867297</c:v>
                </c:pt>
                <c:pt idx="7194">
                  <c:v>-349096.48667274503</c:v>
                </c:pt>
                <c:pt idx="7195">
                  <c:v>-345391.08616036002</c:v>
                </c:pt>
                <c:pt idx="7196">
                  <c:v>-348802.13849854597</c:v>
                </c:pt>
                <c:pt idx="7197">
                  <c:v>-348802.13849854597</c:v>
                </c:pt>
                <c:pt idx="7198">
                  <c:v>-349545.83651787898</c:v>
                </c:pt>
                <c:pt idx="7199">
                  <c:v>-349545.83651787898</c:v>
                </c:pt>
                <c:pt idx="7200">
                  <c:v>-343461.668138195</c:v>
                </c:pt>
                <c:pt idx="7201">
                  <c:v>-343461.668138195</c:v>
                </c:pt>
                <c:pt idx="7202">
                  <c:v>-342496.81421515002</c:v>
                </c:pt>
                <c:pt idx="7203">
                  <c:v>-341766.22716577398</c:v>
                </c:pt>
                <c:pt idx="7204">
                  <c:v>-339130.272324041</c:v>
                </c:pt>
                <c:pt idx="7205">
                  <c:v>-342321.35513626202</c:v>
                </c:pt>
                <c:pt idx="7206">
                  <c:v>-342321.35513626202</c:v>
                </c:pt>
                <c:pt idx="7207">
                  <c:v>-342321.35513626202</c:v>
                </c:pt>
                <c:pt idx="7208">
                  <c:v>-340568.35724745097</c:v>
                </c:pt>
                <c:pt idx="7209">
                  <c:v>-340568.35724745097</c:v>
                </c:pt>
                <c:pt idx="7210">
                  <c:v>-345064.53336944699</c:v>
                </c:pt>
                <c:pt idx="7211">
                  <c:v>-349177.59061430302</c:v>
                </c:pt>
                <c:pt idx="7212">
                  <c:v>-349177.59061430302</c:v>
                </c:pt>
                <c:pt idx="7213">
                  <c:v>-341513.074370722</c:v>
                </c:pt>
                <c:pt idx="7214">
                  <c:v>-341513.074370722</c:v>
                </c:pt>
                <c:pt idx="7215">
                  <c:v>-341513.074370722</c:v>
                </c:pt>
                <c:pt idx="7216">
                  <c:v>-341513.074370722</c:v>
                </c:pt>
                <c:pt idx="7217">
                  <c:v>-341026.93923641898</c:v>
                </c:pt>
                <c:pt idx="7218">
                  <c:v>-341026.93923641898</c:v>
                </c:pt>
                <c:pt idx="7219">
                  <c:v>-341846.203871776</c:v>
                </c:pt>
                <c:pt idx="7220">
                  <c:v>-342877.46343509899</c:v>
                </c:pt>
                <c:pt idx="7221">
                  <c:v>-341736.99009719997</c:v>
                </c:pt>
                <c:pt idx="7222">
                  <c:v>-340526.40964005701</c:v>
                </c:pt>
                <c:pt idx="7223">
                  <c:v>-346565.83022789698</c:v>
                </c:pt>
                <c:pt idx="7224">
                  <c:v>-346041.87400222401</c:v>
                </c:pt>
                <c:pt idx="7225">
                  <c:v>-342842.80493252497</c:v>
                </c:pt>
                <c:pt idx="7226">
                  <c:v>-341847.164532558</c:v>
                </c:pt>
                <c:pt idx="7227">
                  <c:v>-335315.05841348902</c:v>
                </c:pt>
                <c:pt idx="7228">
                  <c:v>-331131.11559231998</c:v>
                </c:pt>
                <c:pt idx="7229">
                  <c:v>-330398.35436813702</c:v>
                </c:pt>
                <c:pt idx="7230">
                  <c:v>-331478.38363698497</c:v>
                </c:pt>
                <c:pt idx="7231">
                  <c:v>-329399.87342521799</c:v>
                </c:pt>
                <c:pt idx="7232">
                  <c:v>-329792.67452495598</c:v>
                </c:pt>
                <c:pt idx="7233">
                  <c:v>-330674.28225225001</c:v>
                </c:pt>
                <c:pt idx="7234">
                  <c:v>-330674.28225225001</c:v>
                </c:pt>
                <c:pt idx="7235">
                  <c:v>-330216.75411483401</c:v>
                </c:pt>
                <c:pt idx="7236">
                  <c:v>-329143.76771246502</c:v>
                </c:pt>
                <c:pt idx="7237">
                  <c:v>-329143.76771246502</c:v>
                </c:pt>
                <c:pt idx="7238">
                  <c:v>-329143.76771246502</c:v>
                </c:pt>
                <c:pt idx="7239">
                  <c:v>-327438.18897408101</c:v>
                </c:pt>
                <c:pt idx="7240">
                  <c:v>-327438.18897408101</c:v>
                </c:pt>
                <c:pt idx="7241">
                  <c:v>-328750.16380652401</c:v>
                </c:pt>
                <c:pt idx="7242">
                  <c:v>-325145.82550352399</c:v>
                </c:pt>
                <c:pt idx="7243">
                  <c:v>-324919.54529199202</c:v>
                </c:pt>
                <c:pt idx="7244">
                  <c:v>-324919.54529199202</c:v>
                </c:pt>
                <c:pt idx="7245">
                  <c:v>-326070.19773724797</c:v>
                </c:pt>
                <c:pt idx="7246">
                  <c:v>-326070.19773724797</c:v>
                </c:pt>
                <c:pt idx="7247">
                  <c:v>-326070.19773724797</c:v>
                </c:pt>
                <c:pt idx="7248">
                  <c:v>-326984.68361945002</c:v>
                </c:pt>
                <c:pt idx="7249">
                  <c:v>-326984.68361945002</c:v>
                </c:pt>
                <c:pt idx="7250">
                  <c:v>-323221.21119377</c:v>
                </c:pt>
                <c:pt idx="7251">
                  <c:v>-323148.58149713703</c:v>
                </c:pt>
                <c:pt idx="7252">
                  <c:v>-323148.58149713703</c:v>
                </c:pt>
                <c:pt idx="7253">
                  <c:v>-323148.58149713703</c:v>
                </c:pt>
                <c:pt idx="7254">
                  <c:v>-324122.11975008302</c:v>
                </c:pt>
                <c:pt idx="7255">
                  <c:v>-322437.99495119299</c:v>
                </c:pt>
                <c:pt idx="7256">
                  <c:v>-322613.86961349001</c:v>
                </c:pt>
                <c:pt idx="7257">
                  <c:v>-322613.86961349001</c:v>
                </c:pt>
                <c:pt idx="7258">
                  <c:v>-320091.67131784197</c:v>
                </c:pt>
                <c:pt idx="7259">
                  <c:v>-320091.67131784197</c:v>
                </c:pt>
                <c:pt idx="7260">
                  <c:v>-320024.37078957702</c:v>
                </c:pt>
                <c:pt idx="7261">
                  <c:v>-320024.37078957702</c:v>
                </c:pt>
                <c:pt idx="7262">
                  <c:v>-319434.71014695102</c:v>
                </c:pt>
                <c:pt idx="7263">
                  <c:v>-315094.13811099902</c:v>
                </c:pt>
                <c:pt idx="7264">
                  <c:v>-316341.40200879</c:v>
                </c:pt>
                <c:pt idx="7265">
                  <c:v>-312081.46667920699</c:v>
                </c:pt>
                <c:pt idx="7266">
                  <c:v>-311337.23608302599</c:v>
                </c:pt>
                <c:pt idx="7267">
                  <c:v>-311966.69469094003</c:v>
                </c:pt>
                <c:pt idx="7268">
                  <c:v>-311775.95596233802</c:v>
                </c:pt>
                <c:pt idx="7269">
                  <c:v>-311667.069344908</c:v>
                </c:pt>
                <c:pt idx="7270">
                  <c:v>-311667.069344908</c:v>
                </c:pt>
                <c:pt idx="7271">
                  <c:v>-311667.069344908</c:v>
                </c:pt>
                <c:pt idx="7272">
                  <c:v>-313441.80088893202</c:v>
                </c:pt>
                <c:pt idx="7273">
                  <c:v>-312326.90394517197</c:v>
                </c:pt>
                <c:pt idx="7274">
                  <c:v>-307421.80326214002</c:v>
                </c:pt>
                <c:pt idx="7275">
                  <c:v>-305350.36049214797</c:v>
                </c:pt>
                <c:pt idx="7276">
                  <c:v>-304589.46918742801</c:v>
                </c:pt>
                <c:pt idx="7277">
                  <c:v>-304037.01275641099</c:v>
                </c:pt>
                <c:pt idx="7278">
                  <c:v>-304037.01275641099</c:v>
                </c:pt>
                <c:pt idx="7279">
                  <c:v>-305564.16414342198</c:v>
                </c:pt>
                <c:pt idx="7280">
                  <c:v>-305564.16414342198</c:v>
                </c:pt>
                <c:pt idx="7281">
                  <c:v>-304985.96456519299</c:v>
                </c:pt>
                <c:pt idx="7282">
                  <c:v>-301581.49210305302</c:v>
                </c:pt>
                <c:pt idx="7283">
                  <c:v>-301581.49210305302</c:v>
                </c:pt>
                <c:pt idx="7284">
                  <c:v>-301581.49210305302</c:v>
                </c:pt>
                <c:pt idx="7285">
                  <c:v>-301581.49210305302</c:v>
                </c:pt>
                <c:pt idx="7286">
                  <c:v>-299414.98389792198</c:v>
                </c:pt>
                <c:pt idx="7287">
                  <c:v>-299414.98389792198</c:v>
                </c:pt>
                <c:pt idx="7288">
                  <c:v>-295457.44471787498</c:v>
                </c:pt>
                <c:pt idx="7289">
                  <c:v>-293575.38247150899</c:v>
                </c:pt>
                <c:pt idx="7290">
                  <c:v>-293575.38247150899</c:v>
                </c:pt>
                <c:pt idx="7291">
                  <c:v>-292863.68314320402</c:v>
                </c:pt>
                <c:pt idx="7292">
                  <c:v>-288236.05795143603</c:v>
                </c:pt>
                <c:pt idx="7293">
                  <c:v>-287282.12347888498</c:v>
                </c:pt>
                <c:pt idx="7294">
                  <c:v>-287282.12347888498</c:v>
                </c:pt>
                <c:pt idx="7295">
                  <c:v>-287282.12347888498</c:v>
                </c:pt>
                <c:pt idx="7296">
                  <c:v>-287282.12347888498</c:v>
                </c:pt>
                <c:pt idx="7297">
                  <c:v>-286129.00432046998</c:v>
                </c:pt>
                <c:pt idx="7298">
                  <c:v>-279338.90071197902</c:v>
                </c:pt>
                <c:pt idx="7299">
                  <c:v>-279338.90071197902</c:v>
                </c:pt>
                <c:pt idx="7300">
                  <c:v>-287967.63064379501</c:v>
                </c:pt>
                <c:pt idx="7301">
                  <c:v>-286238.93614303798</c:v>
                </c:pt>
                <c:pt idx="7302">
                  <c:v>-286238.93614303798</c:v>
                </c:pt>
                <c:pt idx="7303">
                  <c:v>-284637.10384424601</c:v>
                </c:pt>
                <c:pt idx="7304">
                  <c:v>-284637.10384424601</c:v>
                </c:pt>
                <c:pt idx="7305">
                  <c:v>-273584.821721074</c:v>
                </c:pt>
                <c:pt idx="7306">
                  <c:v>-273584.821721074</c:v>
                </c:pt>
                <c:pt idx="7307">
                  <c:v>-273584.821721074</c:v>
                </c:pt>
                <c:pt idx="7308">
                  <c:v>-277969.68323709402</c:v>
                </c:pt>
                <c:pt idx="7309">
                  <c:v>-277969.68323709402</c:v>
                </c:pt>
                <c:pt idx="7310">
                  <c:v>-278586.67011190503</c:v>
                </c:pt>
                <c:pt idx="7311">
                  <c:v>-276925.052373802</c:v>
                </c:pt>
                <c:pt idx="7312">
                  <c:v>-276925.052373802</c:v>
                </c:pt>
                <c:pt idx="7313">
                  <c:v>-277823.93367161101</c:v>
                </c:pt>
                <c:pt idx="7314">
                  <c:v>-277823.93367161101</c:v>
                </c:pt>
                <c:pt idx="7315">
                  <c:v>-275728.86096323503</c:v>
                </c:pt>
                <c:pt idx="7316">
                  <c:v>-276231.93283958902</c:v>
                </c:pt>
                <c:pt idx="7317">
                  <c:v>-276231.93283958902</c:v>
                </c:pt>
                <c:pt idx="7318">
                  <c:v>-276231.93283958902</c:v>
                </c:pt>
                <c:pt idx="7319">
                  <c:v>-276231.93283958902</c:v>
                </c:pt>
                <c:pt idx="7320">
                  <c:v>-276231.93283958902</c:v>
                </c:pt>
                <c:pt idx="7321">
                  <c:v>-262269.77093567001</c:v>
                </c:pt>
                <c:pt idx="7322">
                  <c:v>-262269.77093567001</c:v>
                </c:pt>
                <c:pt idx="7323">
                  <c:v>-266463.17569682997</c:v>
                </c:pt>
                <c:pt idx="7324">
                  <c:v>-265668.118969501</c:v>
                </c:pt>
                <c:pt idx="7325">
                  <c:v>-269474.53783789498</c:v>
                </c:pt>
                <c:pt idx="7326">
                  <c:v>-270481.71777772001</c:v>
                </c:pt>
                <c:pt idx="7327">
                  <c:v>-271790.79416782898</c:v>
                </c:pt>
                <c:pt idx="7328">
                  <c:v>-271790.79416782898</c:v>
                </c:pt>
                <c:pt idx="7329">
                  <c:v>-273714.711579361</c:v>
                </c:pt>
                <c:pt idx="7330">
                  <c:v>-271822.56784912199</c:v>
                </c:pt>
                <c:pt idx="7331">
                  <c:v>-271822.56784912199</c:v>
                </c:pt>
                <c:pt idx="7332">
                  <c:v>-272207.33644161402</c:v>
                </c:pt>
                <c:pt idx="7333">
                  <c:v>-273278.39768018201</c:v>
                </c:pt>
                <c:pt idx="7334">
                  <c:v>-274139.51838146301</c:v>
                </c:pt>
                <c:pt idx="7335">
                  <c:v>-274139.51838146301</c:v>
                </c:pt>
                <c:pt idx="7336">
                  <c:v>-269877.36986650602</c:v>
                </c:pt>
                <c:pt idx="7337">
                  <c:v>-269877.36986650602</c:v>
                </c:pt>
                <c:pt idx="7338">
                  <c:v>-269877.36986650602</c:v>
                </c:pt>
                <c:pt idx="7339">
                  <c:v>-269715.22591274598</c:v>
                </c:pt>
                <c:pt idx="7340">
                  <c:v>-269715.22591274598</c:v>
                </c:pt>
                <c:pt idx="7341">
                  <c:v>-268671.96721043403</c:v>
                </c:pt>
                <c:pt idx="7342">
                  <c:v>-268863.05876981298</c:v>
                </c:pt>
                <c:pt idx="7343">
                  <c:v>-271545.296767411</c:v>
                </c:pt>
                <c:pt idx="7344">
                  <c:v>-274782.43280391098</c:v>
                </c:pt>
                <c:pt idx="7345">
                  <c:v>-274782.43280391098</c:v>
                </c:pt>
                <c:pt idx="7346">
                  <c:v>-278583.22823844303</c:v>
                </c:pt>
                <c:pt idx="7347">
                  <c:v>-278583.22823844303</c:v>
                </c:pt>
                <c:pt idx="7348">
                  <c:v>-278997.36625333299</c:v>
                </c:pt>
                <c:pt idx="7349">
                  <c:v>-278997.36625333299</c:v>
                </c:pt>
                <c:pt idx="7350">
                  <c:v>-280206.92668080801</c:v>
                </c:pt>
                <c:pt idx="7351">
                  <c:v>-280206.92668080801</c:v>
                </c:pt>
                <c:pt idx="7352">
                  <c:v>-277627.87563243002</c:v>
                </c:pt>
                <c:pt idx="7353">
                  <c:v>-271194.11626598699</c:v>
                </c:pt>
                <c:pt idx="7354">
                  <c:v>-271299.37556016998</c:v>
                </c:pt>
                <c:pt idx="7355">
                  <c:v>-271299.37556016998</c:v>
                </c:pt>
                <c:pt idx="7356">
                  <c:v>-271299.37556016998</c:v>
                </c:pt>
                <c:pt idx="7357">
                  <c:v>-271299.37556016998</c:v>
                </c:pt>
                <c:pt idx="7358">
                  <c:v>-267217.91839285102</c:v>
                </c:pt>
                <c:pt idx="7359">
                  <c:v>-266110.43800023699</c:v>
                </c:pt>
                <c:pt idx="7360">
                  <c:v>-266110.43800023699</c:v>
                </c:pt>
                <c:pt idx="7361">
                  <c:v>-266110.43800023699</c:v>
                </c:pt>
                <c:pt idx="7362">
                  <c:v>-265540.74607416597</c:v>
                </c:pt>
                <c:pt idx="7363">
                  <c:v>-263608.08995884599</c:v>
                </c:pt>
                <c:pt idx="7364">
                  <c:v>-262600.42527608701</c:v>
                </c:pt>
                <c:pt idx="7365">
                  <c:v>-263647.84137465101</c:v>
                </c:pt>
                <c:pt idx="7366">
                  <c:v>-262423.15673269302</c:v>
                </c:pt>
                <c:pt idx="7367">
                  <c:v>-262423.15673269302</c:v>
                </c:pt>
                <c:pt idx="7368">
                  <c:v>-262423.15673269302</c:v>
                </c:pt>
                <c:pt idx="7369">
                  <c:v>-262877.91288902698</c:v>
                </c:pt>
                <c:pt idx="7370">
                  <c:v>-261859.28694424601</c:v>
                </c:pt>
                <c:pt idx="7371">
                  <c:v>-260797.95240197401</c:v>
                </c:pt>
                <c:pt idx="7372">
                  <c:v>-260797.95240197401</c:v>
                </c:pt>
                <c:pt idx="7373">
                  <c:v>-261012.08889269401</c:v>
                </c:pt>
                <c:pt idx="7374">
                  <c:v>-264097.95273684501</c:v>
                </c:pt>
                <c:pt idx="7375">
                  <c:v>-266713.94828524499</c:v>
                </c:pt>
                <c:pt idx="7376">
                  <c:v>-265727.452619844</c:v>
                </c:pt>
                <c:pt idx="7377">
                  <c:v>-263062.23899232101</c:v>
                </c:pt>
                <c:pt idx="7378">
                  <c:v>-263062.23899232101</c:v>
                </c:pt>
                <c:pt idx="7379">
                  <c:v>-266922.076226237</c:v>
                </c:pt>
                <c:pt idx="7380">
                  <c:v>-266922.076226237</c:v>
                </c:pt>
                <c:pt idx="7381">
                  <c:v>-267119.65218415798</c:v>
                </c:pt>
                <c:pt idx="7382">
                  <c:v>-266751.15363879601</c:v>
                </c:pt>
                <c:pt idx="7383">
                  <c:v>-266751.15363879601</c:v>
                </c:pt>
                <c:pt idx="7384">
                  <c:v>-267127.62361394498</c:v>
                </c:pt>
                <c:pt idx="7385">
                  <c:v>-267127.62361394498</c:v>
                </c:pt>
                <c:pt idx="7386">
                  <c:v>-266893.74122606701</c:v>
                </c:pt>
                <c:pt idx="7387">
                  <c:v>-266893.74122606701</c:v>
                </c:pt>
                <c:pt idx="7388">
                  <c:v>-266893.74122606701</c:v>
                </c:pt>
                <c:pt idx="7389">
                  <c:v>-266893.74122606701</c:v>
                </c:pt>
                <c:pt idx="7390">
                  <c:v>-266843.936849777</c:v>
                </c:pt>
                <c:pt idx="7391">
                  <c:v>-263507.82417355798</c:v>
                </c:pt>
                <c:pt idx="7392">
                  <c:v>-263507.82417355798</c:v>
                </c:pt>
                <c:pt idx="7393">
                  <c:v>-263675.24963348202</c:v>
                </c:pt>
                <c:pt idx="7394">
                  <c:v>-263727.00130919198</c:v>
                </c:pt>
                <c:pt idx="7395">
                  <c:v>-263727.00130919198</c:v>
                </c:pt>
                <c:pt idx="7396">
                  <c:v>-263727.00130919198</c:v>
                </c:pt>
                <c:pt idx="7397">
                  <c:v>-263727.00130919198</c:v>
                </c:pt>
                <c:pt idx="7398">
                  <c:v>-261673.09358939799</c:v>
                </c:pt>
                <c:pt idx="7399">
                  <c:v>-260505.17296701501</c:v>
                </c:pt>
                <c:pt idx="7400">
                  <c:v>-260143.60734961499</c:v>
                </c:pt>
                <c:pt idx="7401">
                  <c:v>-260143.60734961499</c:v>
                </c:pt>
                <c:pt idx="7402">
                  <c:v>-260840.32105020201</c:v>
                </c:pt>
                <c:pt idx="7403">
                  <c:v>-256983.08209682</c:v>
                </c:pt>
                <c:pt idx="7404">
                  <c:v>-256983.08209682</c:v>
                </c:pt>
                <c:pt idx="7405">
                  <c:v>-256983.08209682</c:v>
                </c:pt>
                <c:pt idx="7406">
                  <c:v>-256983.08209682</c:v>
                </c:pt>
                <c:pt idx="7407">
                  <c:v>-256983.08209682</c:v>
                </c:pt>
                <c:pt idx="7408">
                  <c:v>-255482.24554805199</c:v>
                </c:pt>
                <c:pt idx="7409">
                  <c:v>-256670.69183609099</c:v>
                </c:pt>
                <c:pt idx="7410">
                  <c:v>-252018.99360231101</c:v>
                </c:pt>
                <c:pt idx="7411">
                  <c:v>-252018.99360231101</c:v>
                </c:pt>
                <c:pt idx="7412">
                  <c:v>-256399.35835057101</c:v>
                </c:pt>
                <c:pt idx="7413">
                  <c:v>-258518.34648989301</c:v>
                </c:pt>
                <c:pt idx="7414">
                  <c:v>-256551.629419423</c:v>
                </c:pt>
                <c:pt idx="7415">
                  <c:v>-254243.77224404001</c:v>
                </c:pt>
                <c:pt idx="7416">
                  <c:v>-254243.77224404001</c:v>
                </c:pt>
                <c:pt idx="7417">
                  <c:v>-254243.77224404001</c:v>
                </c:pt>
                <c:pt idx="7418">
                  <c:v>-257165.26007541199</c:v>
                </c:pt>
                <c:pt idx="7419">
                  <c:v>-257165.26007541199</c:v>
                </c:pt>
                <c:pt idx="7420">
                  <c:v>-255779.00847893799</c:v>
                </c:pt>
                <c:pt idx="7421">
                  <c:v>-255779.00847893799</c:v>
                </c:pt>
                <c:pt idx="7422">
                  <c:v>-253607.25064736701</c:v>
                </c:pt>
                <c:pt idx="7423">
                  <c:v>-253607.25064736701</c:v>
                </c:pt>
                <c:pt idx="7424">
                  <c:v>-249223.58557105699</c:v>
                </c:pt>
                <c:pt idx="7425">
                  <c:v>-249223.58557105699</c:v>
                </c:pt>
                <c:pt idx="7426">
                  <c:v>-252186.42386941001</c:v>
                </c:pt>
                <c:pt idx="7427">
                  <c:v>-253096.71981408499</c:v>
                </c:pt>
                <c:pt idx="7428">
                  <c:v>-254424.70915952799</c:v>
                </c:pt>
                <c:pt idx="7429">
                  <c:v>-254141.40227923301</c:v>
                </c:pt>
                <c:pt idx="7430">
                  <c:v>-254850.43153008001</c:v>
                </c:pt>
                <c:pt idx="7431">
                  <c:v>-254850.43153008001</c:v>
                </c:pt>
                <c:pt idx="7432">
                  <c:v>-254068.23251085699</c:v>
                </c:pt>
                <c:pt idx="7433">
                  <c:v>-254068.23251085699</c:v>
                </c:pt>
                <c:pt idx="7434">
                  <c:v>-254108.61674488301</c:v>
                </c:pt>
                <c:pt idx="7435">
                  <c:v>-254120.28376350401</c:v>
                </c:pt>
                <c:pt idx="7436">
                  <c:v>-254120.28376350401</c:v>
                </c:pt>
                <c:pt idx="7437">
                  <c:v>-256350.74747015399</c:v>
                </c:pt>
                <c:pt idx="7438">
                  <c:v>-256350.74747015399</c:v>
                </c:pt>
                <c:pt idx="7439">
                  <c:v>-255172.263691742</c:v>
                </c:pt>
                <c:pt idx="7440">
                  <c:v>-255762.497221628</c:v>
                </c:pt>
                <c:pt idx="7441">
                  <c:v>-253639.18930695701</c:v>
                </c:pt>
                <c:pt idx="7442">
                  <c:v>-253639.18930695701</c:v>
                </c:pt>
                <c:pt idx="7443">
                  <c:v>-252831.98756511</c:v>
                </c:pt>
                <c:pt idx="7444">
                  <c:v>-252831.98756511</c:v>
                </c:pt>
                <c:pt idx="7445">
                  <c:v>-251383.919328702</c:v>
                </c:pt>
                <c:pt idx="7446">
                  <c:v>-251383.919328702</c:v>
                </c:pt>
                <c:pt idx="7447">
                  <c:v>-251383.919328702</c:v>
                </c:pt>
                <c:pt idx="7448">
                  <c:v>-250898.56629507901</c:v>
                </c:pt>
                <c:pt idx="7449">
                  <c:v>-250898.56629507901</c:v>
                </c:pt>
                <c:pt idx="7450">
                  <c:v>-250898.56629507901</c:v>
                </c:pt>
                <c:pt idx="7451">
                  <c:v>-250898.56629507901</c:v>
                </c:pt>
                <c:pt idx="7452">
                  <c:v>-246470.39280802</c:v>
                </c:pt>
                <c:pt idx="7453">
                  <c:v>-241429.82553636399</c:v>
                </c:pt>
                <c:pt idx="7454">
                  <c:v>-242364.36831309501</c:v>
                </c:pt>
                <c:pt idx="7455">
                  <c:v>-243912.011708559</c:v>
                </c:pt>
                <c:pt idx="7456">
                  <c:v>-237484.10171044001</c:v>
                </c:pt>
                <c:pt idx="7457">
                  <c:v>-236711.81777284999</c:v>
                </c:pt>
                <c:pt idx="7458">
                  <c:v>-230227.33577788001</c:v>
                </c:pt>
                <c:pt idx="7459">
                  <c:v>-230227.33577788001</c:v>
                </c:pt>
                <c:pt idx="7460">
                  <c:v>-230825.04609455101</c:v>
                </c:pt>
                <c:pt idx="7461">
                  <c:v>-230825.04609455101</c:v>
                </c:pt>
                <c:pt idx="7462">
                  <c:v>-230825.04609455101</c:v>
                </c:pt>
                <c:pt idx="7463">
                  <c:v>-229756.40864035301</c:v>
                </c:pt>
                <c:pt idx="7464">
                  <c:v>-229148.54958739801</c:v>
                </c:pt>
                <c:pt idx="7465">
                  <c:v>-229148.54958739801</c:v>
                </c:pt>
                <c:pt idx="7466">
                  <c:v>-231320.21115593001</c:v>
                </c:pt>
                <c:pt idx="7467">
                  <c:v>-231093.77544538601</c:v>
                </c:pt>
                <c:pt idx="7468">
                  <c:v>-227176.90645647101</c:v>
                </c:pt>
                <c:pt idx="7469">
                  <c:v>-228489.82830607201</c:v>
                </c:pt>
                <c:pt idx="7470">
                  <c:v>-228489.82830607201</c:v>
                </c:pt>
                <c:pt idx="7471">
                  <c:v>-228489.82830607201</c:v>
                </c:pt>
                <c:pt idx="7472">
                  <c:v>-228489.82830607201</c:v>
                </c:pt>
                <c:pt idx="7473">
                  <c:v>-227441.24283065501</c:v>
                </c:pt>
                <c:pt idx="7474">
                  <c:v>-225841.27469637099</c:v>
                </c:pt>
                <c:pt idx="7475">
                  <c:v>-224653.17201452999</c:v>
                </c:pt>
                <c:pt idx="7476">
                  <c:v>-224475.534691398</c:v>
                </c:pt>
                <c:pt idx="7477">
                  <c:v>-224475.534691398</c:v>
                </c:pt>
                <c:pt idx="7478">
                  <c:v>-224475.534691398</c:v>
                </c:pt>
                <c:pt idx="7479">
                  <c:v>-226157.91808748699</c:v>
                </c:pt>
                <c:pt idx="7480">
                  <c:v>-225626.49556122901</c:v>
                </c:pt>
                <c:pt idx="7481">
                  <c:v>-225626.49556122901</c:v>
                </c:pt>
                <c:pt idx="7482">
                  <c:v>-223516.633087914</c:v>
                </c:pt>
                <c:pt idx="7483">
                  <c:v>-224219.89488653501</c:v>
                </c:pt>
                <c:pt idx="7484">
                  <c:v>-224219.89488653501</c:v>
                </c:pt>
                <c:pt idx="7485">
                  <c:v>-223886.87281891701</c:v>
                </c:pt>
                <c:pt idx="7486">
                  <c:v>-223886.87281891701</c:v>
                </c:pt>
                <c:pt idx="7487">
                  <c:v>-223762.317961906</c:v>
                </c:pt>
                <c:pt idx="7488">
                  <c:v>-227363.16041983099</c:v>
                </c:pt>
                <c:pt idx="7489">
                  <c:v>-226817.68456430201</c:v>
                </c:pt>
                <c:pt idx="7490">
                  <c:v>-226236.01646591199</c:v>
                </c:pt>
                <c:pt idx="7491">
                  <c:v>-227600.27531828001</c:v>
                </c:pt>
                <c:pt idx="7492">
                  <c:v>-227820.31641694999</c:v>
                </c:pt>
                <c:pt idx="7493">
                  <c:v>-227972.686570741</c:v>
                </c:pt>
                <c:pt idx="7494">
                  <c:v>-227972.686570741</c:v>
                </c:pt>
                <c:pt idx="7495">
                  <c:v>-227972.686570741</c:v>
                </c:pt>
                <c:pt idx="7496">
                  <c:v>-225770.74775003101</c:v>
                </c:pt>
                <c:pt idx="7497">
                  <c:v>-223406.62364825001</c:v>
                </c:pt>
                <c:pt idx="7498">
                  <c:v>-223913.06133256599</c:v>
                </c:pt>
                <c:pt idx="7499">
                  <c:v>-224472.703746557</c:v>
                </c:pt>
                <c:pt idx="7500">
                  <c:v>-224844.22980483199</c:v>
                </c:pt>
                <c:pt idx="7501">
                  <c:v>-224844.22980483199</c:v>
                </c:pt>
                <c:pt idx="7502">
                  <c:v>-224844.22980483199</c:v>
                </c:pt>
                <c:pt idx="7503">
                  <c:v>-224844.22980483199</c:v>
                </c:pt>
                <c:pt idx="7504">
                  <c:v>-219081.809427164</c:v>
                </c:pt>
                <c:pt idx="7505">
                  <c:v>-219081.809427164</c:v>
                </c:pt>
                <c:pt idx="7506">
                  <c:v>-220648.63329873199</c:v>
                </c:pt>
                <c:pt idx="7507">
                  <c:v>-220648.63329873199</c:v>
                </c:pt>
                <c:pt idx="7508">
                  <c:v>-221116.89591800401</c:v>
                </c:pt>
                <c:pt idx="7509">
                  <c:v>-222388.176281875</c:v>
                </c:pt>
                <c:pt idx="7510">
                  <c:v>-222818.59118206799</c:v>
                </c:pt>
                <c:pt idx="7511">
                  <c:v>-222818.59118206799</c:v>
                </c:pt>
                <c:pt idx="7512">
                  <c:v>-218668.70923384899</c:v>
                </c:pt>
                <c:pt idx="7513">
                  <c:v>-216994.94670124201</c:v>
                </c:pt>
                <c:pt idx="7514">
                  <c:v>-216994.94670124201</c:v>
                </c:pt>
                <c:pt idx="7515">
                  <c:v>-216994.94670124201</c:v>
                </c:pt>
                <c:pt idx="7516">
                  <c:v>-220753.22662316301</c:v>
                </c:pt>
                <c:pt idx="7517">
                  <c:v>-218437.004170837</c:v>
                </c:pt>
                <c:pt idx="7518">
                  <c:v>-215300.08054935699</c:v>
                </c:pt>
                <c:pt idx="7519">
                  <c:v>-215300.08054935699</c:v>
                </c:pt>
                <c:pt idx="7520">
                  <c:v>-208303.137516633</c:v>
                </c:pt>
                <c:pt idx="7521">
                  <c:v>-208303.137516633</c:v>
                </c:pt>
                <c:pt idx="7522">
                  <c:v>-208182.96811822499</c:v>
                </c:pt>
                <c:pt idx="7523">
                  <c:v>-203008.19704252601</c:v>
                </c:pt>
                <c:pt idx="7524">
                  <c:v>-203008.19704252601</c:v>
                </c:pt>
                <c:pt idx="7525">
                  <c:v>-202935.87908019999</c:v>
                </c:pt>
                <c:pt idx="7526">
                  <c:v>-202857.56368836801</c:v>
                </c:pt>
                <c:pt idx="7527">
                  <c:v>-202265.976255113</c:v>
                </c:pt>
                <c:pt idx="7528">
                  <c:v>-198439.48645716501</c:v>
                </c:pt>
                <c:pt idx="7529">
                  <c:v>-198686.65783049099</c:v>
                </c:pt>
                <c:pt idx="7530">
                  <c:v>-198273.17801513901</c:v>
                </c:pt>
                <c:pt idx="7531">
                  <c:v>-198686.50357182801</c:v>
                </c:pt>
                <c:pt idx="7532">
                  <c:v>-196038.35811285599</c:v>
                </c:pt>
                <c:pt idx="7533">
                  <c:v>-193633.52534417601</c:v>
                </c:pt>
                <c:pt idx="7534">
                  <c:v>-188584.04193174699</c:v>
                </c:pt>
                <c:pt idx="7535">
                  <c:v>-187711.966347615</c:v>
                </c:pt>
                <c:pt idx="7536">
                  <c:v>-190477.34524309801</c:v>
                </c:pt>
                <c:pt idx="7537">
                  <c:v>-190955.95513165701</c:v>
                </c:pt>
                <c:pt idx="7538">
                  <c:v>-189818.524304561</c:v>
                </c:pt>
                <c:pt idx="7539">
                  <c:v>-189818.524304561</c:v>
                </c:pt>
                <c:pt idx="7540">
                  <c:v>-191636.86457592301</c:v>
                </c:pt>
                <c:pt idx="7541">
                  <c:v>-191636.86457592301</c:v>
                </c:pt>
                <c:pt idx="7542">
                  <c:v>-192376.64507902099</c:v>
                </c:pt>
                <c:pt idx="7543">
                  <c:v>-197177.566899086</c:v>
                </c:pt>
                <c:pt idx="7544">
                  <c:v>-195219.905852759</c:v>
                </c:pt>
                <c:pt idx="7545">
                  <c:v>-191085.02635262001</c:v>
                </c:pt>
                <c:pt idx="7546">
                  <c:v>-191085.02635262001</c:v>
                </c:pt>
                <c:pt idx="7547">
                  <c:v>-191600.57007556301</c:v>
                </c:pt>
                <c:pt idx="7548">
                  <c:v>-193092.11778528601</c:v>
                </c:pt>
                <c:pt idx="7549">
                  <c:v>-193092.11778528601</c:v>
                </c:pt>
                <c:pt idx="7550">
                  <c:v>-193092.11778528601</c:v>
                </c:pt>
                <c:pt idx="7551">
                  <c:v>-193092.11778528601</c:v>
                </c:pt>
                <c:pt idx="7552">
                  <c:v>-193092.11778528601</c:v>
                </c:pt>
                <c:pt idx="7553">
                  <c:v>-194892.66404623701</c:v>
                </c:pt>
                <c:pt idx="7554">
                  <c:v>-194892.66404623701</c:v>
                </c:pt>
                <c:pt idx="7555">
                  <c:v>-190167.57209268701</c:v>
                </c:pt>
                <c:pt idx="7556">
                  <c:v>-190461.822753716</c:v>
                </c:pt>
                <c:pt idx="7557">
                  <c:v>-185702.20056881401</c:v>
                </c:pt>
                <c:pt idx="7558">
                  <c:v>-187097.773739953</c:v>
                </c:pt>
                <c:pt idx="7559">
                  <c:v>-186415.46147106501</c:v>
                </c:pt>
                <c:pt idx="7560">
                  <c:v>-182816.53260083601</c:v>
                </c:pt>
                <c:pt idx="7561">
                  <c:v>-182816.53260083601</c:v>
                </c:pt>
                <c:pt idx="7562">
                  <c:v>-183058.20532625701</c:v>
                </c:pt>
                <c:pt idx="7563">
                  <c:v>-187263.059165499</c:v>
                </c:pt>
                <c:pt idx="7564">
                  <c:v>-188221.28761872099</c:v>
                </c:pt>
                <c:pt idx="7565">
                  <c:v>-184847.629864202</c:v>
                </c:pt>
                <c:pt idx="7566">
                  <c:v>-184847.629864202</c:v>
                </c:pt>
                <c:pt idx="7567">
                  <c:v>-181582.86717883401</c:v>
                </c:pt>
                <c:pt idx="7568">
                  <c:v>-181955.51640584401</c:v>
                </c:pt>
                <c:pt idx="7569">
                  <c:v>-181955.51640584401</c:v>
                </c:pt>
                <c:pt idx="7570">
                  <c:v>-181932.23455594099</c:v>
                </c:pt>
                <c:pt idx="7571">
                  <c:v>-185656.42208861301</c:v>
                </c:pt>
                <c:pt idx="7572">
                  <c:v>-188353.332106766</c:v>
                </c:pt>
                <c:pt idx="7573">
                  <c:v>-188458.19345711399</c:v>
                </c:pt>
                <c:pt idx="7574">
                  <c:v>-186491.99903540901</c:v>
                </c:pt>
                <c:pt idx="7575">
                  <c:v>-185721.50086936299</c:v>
                </c:pt>
                <c:pt idx="7576">
                  <c:v>-187948.40133975301</c:v>
                </c:pt>
                <c:pt idx="7577">
                  <c:v>-187755.86331254599</c:v>
                </c:pt>
                <c:pt idx="7578">
                  <c:v>-187755.86331254599</c:v>
                </c:pt>
                <c:pt idx="7579">
                  <c:v>-183201.013898345</c:v>
                </c:pt>
                <c:pt idx="7580">
                  <c:v>-180957.21224261401</c:v>
                </c:pt>
                <c:pt idx="7581">
                  <c:v>-180957.21224261401</c:v>
                </c:pt>
                <c:pt idx="7582">
                  <c:v>-178539.00676283601</c:v>
                </c:pt>
                <c:pt idx="7583">
                  <c:v>-178539.00676283601</c:v>
                </c:pt>
                <c:pt idx="7584">
                  <c:v>-178002.020565791</c:v>
                </c:pt>
                <c:pt idx="7585">
                  <c:v>-178002.020565791</c:v>
                </c:pt>
                <c:pt idx="7586">
                  <c:v>-177934.27209861501</c:v>
                </c:pt>
                <c:pt idx="7587">
                  <c:v>-177934.27209861501</c:v>
                </c:pt>
                <c:pt idx="7588">
                  <c:v>-177934.27209861501</c:v>
                </c:pt>
                <c:pt idx="7589">
                  <c:v>-177934.27209861501</c:v>
                </c:pt>
                <c:pt idx="7590">
                  <c:v>-178073.97893579601</c:v>
                </c:pt>
                <c:pt idx="7591">
                  <c:v>-178957.795954186</c:v>
                </c:pt>
                <c:pt idx="7592">
                  <c:v>-178957.795954186</c:v>
                </c:pt>
                <c:pt idx="7593">
                  <c:v>-175503.20393335601</c:v>
                </c:pt>
                <c:pt idx="7594">
                  <c:v>-172077.63904236199</c:v>
                </c:pt>
                <c:pt idx="7595">
                  <c:v>-166879.43239643399</c:v>
                </c:pt>
                <c:pt idx="7596">
                  <c:v>-165542.39484708701</c:v>
                </c:pt>
                <c:pt idx="7597">
                  <c:v>-163287.981913839</c:v>
                </c:pt>
                <c:pt idx="7598">
                  <c:v>-164911.62732588101</c:v>
                </c:pt>
                <c:pt idx="7599">
                  <c:v>-164911.62732588101</c:v>
                </c:pt>
                <c:pt idx="7600">
                  <c:v>-160873.837423113</c:v>
                </c:pt>
                <c:pt idx="7601">
                  <c:v>-160300.951228758</c:v>
                </c:pt>
                <c:pt idx="7602">
                  <c:v>-156855.214576297</c:v>
                </c:pt>
                <c:pt idx="7603">
                  <c:v>-156855.214576297</c:v>
                </c:pt>
                <c:pt idx="7604">
                  <c:v>-156855.214576297</c:v>
                </c:pt>
                <c:pt idx="7605">
                  <c:v>-156294.77348653</c:v>
                </c:pt>
                <c:pt idx="7606">
                  <c:v>-155540.64596778501</c:v>
                </c:pt>
                <c:pt idx="7607">
                  <c:v>-154770.99236231</c:v>
                </c:pt>
                <c:pt idx="7608">
                  <c:v>-156211.516053175</c:v>
                </c:pt>
                <c:pt idx="7609">
                  <c:v>-154731.928092166</c:v>
                </c:pt>
                <c:pt idx="7610">
                  <c:v>-154731.928092166</c:v>
                </c:pt>
                <c:pt idx="7611">
                  <c:v>-157386.33761230001</c:v>
                </c:pt>
                <c:pt idx="7612">
                  <c:v>-157386.33761230001</c:v>
                </c:pt>
                <c:pt idx="7613">
                  <c:v>-158324.377161635</c:v>
                </c:pt>
                <c:pt idx="7614">
                  <c:v>-159771.489287623</c:v>
                </c:pt>
                <c:pt idx="7615">
                  <c:v>-159345.31039700101</c:v>
                </c:pt>
                <c:pt idx="7616">
                  <c:v>-156853.94039290401</c:v>
                </c:pt>
                <c:pt idx="7617">
                  <c:v>-156853.94039290401</c:v>
                </c:pt>
                <c:pt idx="7618">
                  <c:v>-156337.48105243201</c:v>
                </c:pt>
                <c:pt idx="7619">
                  <c:v>-156337.48105243201</c:v>
                </c:pt>
                <c:pt idx="7620">
                  <c:v>-156337.48105243201</c:v>
                </c:pt>
                <c:pt idx="7621">
                  <c:v>-156337.48105243201</c:v>
                </c:pt>
                <c:pt idx="7622">
                  <c:v>-156337.48105243201</c:v>
                </c:pt>
                <c:pt idx="7623">
                  <c:v>-156337.48105243201</c:v>
                </c:pt>
                <c:pt idx="7624">
                  <c:v>-157667.62559565701</c:v>
                </c:pt>
                <c:pt idx="7625">
                  <c:v>-159597.88252297201</c:v>
                </c:pt>
                <c:pt idx="7626">
                  <c:v>-162800.54316812899</c:v>
                </c:pt>
                <c:pt idx="7627">
                  <c:v>-162855.83509046299</c:v>
                </c:pt>
                <c:pt idx="7628">
                  <c:v>-165070.69151989999</c:v>
                </c:pt>
                <c:pt idx="7629">
                  <c:v>-165013.94490239199</c:v>
                </c:pt>
                <c:pt idx="7630">
                  <c:v>-165013.94490239199</c:v>
                </c:pt>
                <c:pt idx="7631">
                  <c:v>-165554.03944154899</c:v>
                </c:pt>
                <c:pt idx="7632">
                  <c:v>-166746.29371195499</c:v>
                </c:pt>
                <c:pt idx="7633">
                  <c:v>-164198.596560629</c:v>
                </c:pt>
                <c:pt idx="7634">
                  <c:v>-159802.744832408</c:v>
                </c:pt>
                <c:pt idx="7635">
                  <c:v>-158481.21996416501</c:v>
                </c:pt>
                <c:pt idx="7636">
                  <c:v>-158481.21996416501</c:v>
                </c:pt>
                <c:pt idx="7637">
                  <c:v>-158481.21996416501</c:v>
                </c:pt>
                <c:pt idx="7638">
                  <c:v>-165964.894003083</c:v>
                </c:pt>
                <c:pt idx="7639">
                  <c:v>-164678.240654853</c:v>
                </c:pt>
                <c:pt idx="7640">
                  <c:v>-165222.52787369399</c:v>
                </c:pt>
                <c:pt idx="7641">
                  <c:v>-165222.52787369399</c:v>
                </c:pt>
                <c:pt idx="7642">
                  <c:v>-170463.012756777</c:v>
                </c:pt>
                <c:pt idx="7643">
                  <c:v>-169349.35844511099</c:v>
                </c:pt>
                <c:pt idx="7644">
                  <c:v>-169349.35844511099</c:v>
                </c:pt>
                <c:pt idx="7645">
                  <c:v>-168030.79894106701</c:v>
                </c:pt>
                <c:pt idx="7646">
                  <c:v>-168030.79894106701</c:v>
                </c:pt>
                <c:pt idx="7647">
                  <c:v>-167488.19858768201</c:v>
                </c:pt>
                <c:pt idx="7648">
                  <c:v>-167488.19858768201</c:v>
                </c:pt>
                <c:pt idx="7649">
                  <c:v>-170865.88240789599</c:v>
                </c:pt>
                <c:pt idx="7650">
                  <c:v>-168614.38536678301</c:v>
                </c:pt>
                <c:pt idx="7651">
                  <c:v>-168794.75234884501</c:v>
                </c:pt>
                <c:pt idx="7652">
                  <c:v>-168695.41591226199</c:v>
                </c:pt>
                <c:pt idx="7653">
                  <c:v>-167761.39783085999</c:v>
                </c:pt>
                <c:pt idx="7654">
                  <c:v>-165238.46510235401</c:v>
                </c:pt>
                <c:pt idx="7655">
                  <c:v>-165970.5379005</c:v>
                </c:pt>
                <c:pt idx="7656">
                  <c:v>-169442.79485517499</c:v>
                </c:pt>
                <c:pt idx="7657">
                  <c:v>-169442.79485517499</c:v>
                </c:pt>
                <c:pt idx="7658">
                  <c:v>-169473.95563833599</c:v>
                </c:pt>
                <c:pt idx="7659">
                  <c:v>-167076.706195776</c:v>
                </c:pt>
                <c:pt idx="7660">
                  <c:v>-167076.706195776</c:v>
                </c:pt>
                <c:pt idx="7661">
                  <c:v>-167981.06043606199</c:v>
                </c:pt>
                <c:pt idx="7662">
                  <c:v>-162918.96862310299</c:v>
                </c:pt>
                <c:pt idx="7663">
                  <c:v>-163003.63938256199</c:v>
                </c:pt>
                <c:pt idx="7664">
                  <c:v>-163003.63938256199</c:v>
                </c:pt>
                <c:pt idx="7665">
                  <c:v>-162717.580272728</c:v>
                </c:pt>
                <c:pt idx="7666">
                  <c:v>-162385.27587955</c:v>
                </c:pt>
                <c:pt idx="7667">
                  <c:v>-162385.76913619501</c:v>
                </c:pt>
                <c:pt idx="7668">
                  <c:v>-160445.77889778701</c:v>
                </c:pt>
                <c:pt idx="7669">
                  <c:v>-160445.77889778701</c:v>
                </c:pt>
                <c:pt idx="7670">
                  <c:v>-160445.77889778701</c:v>
                </c:pt>
                <c:pt idx="7671">
                  <c:v>-158019.27005934299</c:v>
                </c:pt>
                <c:pt idx="7672">
                  <c:v>-158019.27005934299</c:v>
                </c:pt>
                <c:pt idx="7673">
                  <c:v>-158019.27005934299</c:v>
                </c:pt>
                <c:pt idx="7674">
                  <c:v>-158019.27005934299</c:v>
                </c:pt>
                <c:pt idx="7675">
                  <c:v>-156049.301067161</c:v>
                </c:pt>
                <c:pt idx="7676">
                  <c:v>-156049.301067161</c:v>
                </c:pt>
                <c:pt idx="7677">
                  <c:v>-158831.32261577001</c:v>
                </c:pt>
                <c:pt idx="7678">
                  <c:v>-158831.32261577001</c:v>
                </c:pt>
                <c:pt idx="7679">
                  <c:v>-159157.197860507</c:v>
                </c:pt>
                <c:pt idx="7680">
                  <c:v>-156953.03215501501</c:v>
                </c:pt>
                <c:pt idx="7681">
                  <c:v>-155214.403931507</c:v>
                </c:pt>
                <c:pt idx="7682">
                  <c:v>-156168.326623912</c:v>
                </c:pt>
                <c:pt idx="7683">
                  <c:v>-162295.039736615</c:v>
                </c:pt>
                <c:pt idx="7684">
                  <c:v>-159930.570242407</c:v>
                </c:pt>
                <c:pt idx="7685">
                  <c:v>-159930.570242407</c:v>
                </c:pt>
                <c:pt idx="7686">
                  <c:v>-160799.15007858601</c:v>
                </c:pt>
                <c:pt idx="7687">
                  <c:v>-159530.03155720999</c:v>
                </c:pt>
                <c:pt idx="7688">
                  <c:v>-159530.03155720999</c:v>
                </c:pt>
                <c:pt idx="7689">
                  <c:v>-160411.12396295101</c:v>
                </c:pt>
                <c:pt idx="7690">
                  <c:v>-160411.12396295101</c:v>
                </c:pt>
                <c:pt idx="7691">
                  <c:v>-160411.12396295101</c:v>
                </c:pt>
                <c:pt idx="7692">
                  <c:v>-160380.46123148801</c:v>
                </c:pt>
                <c:pt idx="7693">
                  <c:v>-161984.39903526701</c:v>
                </c:pt>
                <c:pt idx="7694">
                  <c:v>-161984.39903526701</c:v>
                </c:pt>
                <c:pt idx="7695">
                  <c:v>-158835.572997968</c:v>
                </c:pt>
                <c:pt idx="7696">
                  <c:v>-158835.572997968</c:v>
                </c:pt>
                <c:pt idx="7697">
                  <c:v>-158835.572997968</c:v>
                </c:pt>
                <c:pt idx="7698">
                  <c:v>-158835.572997968</c:v>
                </c:pt>
                <c:pt idx="7699">
                  <c:v>-156821.086009758</c:v>
                </c:pt>
                <c:pt idx="7700">
                  <c:v>-156821.086009758</c:v>
                </c:pt>
                <c:pt idx="7701">
                  <c:v>-156821.086009758</c:v>
                </c:pt>
                <c:pt idx="7702">
                  <c:v>-158433.05172893801</c:v>
                </c:pt>
                <c:pt idx="7703">
                  <c:v>-153297.38896752</c:v>
                </c:pt>
                <c:pt idx="7704">
                  <c:v>-149276.73851452599</c:v>
                </c:pt>
                <c:pt idx="7705">
                  <c:v>-149276.73851452599</c:v>
                </c:pt>
                <c:pt idx="7706">
                  <c:v>-149240.57947744799</c:v>
                </c:pt>
                <c:pt idx="7707">
                  <c:v>-149547.58963631699</c:v>
                </c:pt>
                <c:pt idx="7708">
                  <c:v>-151001.74028897501</c:v>
                </c:pt>
                <c:pt idx="7709">
                  <c:v>-149623.261091325</c:v>
                </c:pt>
                <c:pt idx="7710">
                  <c:v>-148374.573975187</c:v>
                </c:pt>
                <c:pt idx="7711">
                  <c:v>-153684.73741545901</c:v>
                </c:pt>
                <c:pt idx="7712">
                  <c:v>-153737.624544235</c:v>
                </c:pt>
                <c:pt idx="7713">
                  <c:v>-154086.28854376299</c:v>
                </c:pt>
                <c:pt idx="7714">
                  <c:v>-153958.24953928101</c:v>
                </c:pt>
                <c:pt idx="7715">
                  <c:v>-153958.24953928101</c:v>
                </c:pt>
                <c:pt idx="7716">
                  <c:v>-153958.24953928101</c:v>
                </c:pt>
                <c:pt idx="7717">
                  <c:v>-153958.24953928101</c:v>
                </c:pt>
                <c:pt idx="7718">
                  <c:v>-154538.48670465199</c:v>
                </c:pt>
                <c:pt idx="7719">
                  <c:v>-151742.97266302301</c:v>
                </c:pt>
                <c:pt idx="7720">
                  <c:v>-145949.41922416701</c:v>
                </c:pt>
                <c:pt idx="7721">
                  <c:v>-145607.35874614399</c:v>
                </c:pt>
                <c:pt idx="7722">
                  <c:v>-145607.35874614399</c:v>
                </c:pt>
                <c:pt idx="7723">
                  <c:v>-141602.54221928</c:v>
                </c:pt>
                <c:pt idx="7724">
                  <c:v>-141026.32117136801</c:v>
                </c:pt>
                <c:pt idx="7725">
                  <c:v>-141026.32117136801</c:v>
                </c:pt>
                <c:pt idx="7726">
                  <c:v>-140388.364215187</c:v>
                </c:pt>
                <c:pt idx="7727">
                  <c:v>-138994.56993732401</c:v>
                </c:pt>
                <c:pt idx="7728">
                  <c:v>-138946.49344683599</c:v>
                </c:pt>
                <c:pt idx="7729">
                  <c:v>-138803.61765022401</c:v>
                </c:pt>
                <c:pt idx="7730">
                  <c:v>-140651.68139513</c:v>
                </c:pt>
                <c:pt idx="7731">
                  <c:v>-140651.68139513</c:v>
                </c:pt>
                <c:pt idx="7732">
                  <c:v>-136202.822420446</c:v>
                </c:pt>
                <c:pt idx="7733">
                  <c:v>-135682.77821794499</c:v>
                </c:pt>
                <c:pt idx="7734">
                  <c:v>-135682.77821794499</c:v>
                </c:pt>
                <c:pt idx="7735">
                  <c:v>-135427.36990900699</c:v>
                </c:pt>
                <c:pt idx="7736">
                  <c:v>-133356.63562773899</c:v>
                </c:pt>
                <c:pt idx="7737">
                  <c:v>-131624.959303082</c:v>
                </c:pt>
                <c:pt idx="7738">
                  <c:v>-131624.959303082</c:v>
                </c:pt>
                <c:pt idx="7739">
                  <c:v>-131624.959303082</c:v>
                </c:pt>
                <c:pt idx="7740">
                  <c:v>-132116.24497785</c:v>
                </c:pt>
                <c:pt idx="7741">
                  <c:v>-132116.24497785</c:v>
                </c:pt>
                <c:pt idx="7742">
                  <c:v>-130088.834499708</c:v>
                </c:pt>
                <c:pt idx="7743">
                  <c:v>-130042.92731490301</c:v>
                </c:pt>
                <c:pt idx="7744">
                  <c:v>-130042.92731490301</c:v>
                </c:pt>
                <c:pt idx="7745">
                  <c:v>-130018.43415563701</c:v>
                </c:pt>
                <c:pt idx="7746">
                  <c:v>-130247.600932671</c:v>
                </c:pt>
                <c:pt idx="7747">
                  <c:v>-129382.095739699</c:v>
                </c:pt>
                <c:pt idx="7748">
                  <c:v>-129422.347874222</c:v>
                </c:pt>
                <c:pt idx="7749">
                  <c:v>-129422.347874222</c:v>
                </c:pt>
                <c:pt idx="7750">
                  <c:v>-129934.82870726701</c:v>
                </c:pt>
                <c:pt idx="7751">
                  <c:v>-129934.82870726701</c:v>
                </c:pt>
                <c:pt idx="7752">
                  <c:v>-129934.82870726701</c:v>
                </c:pt>
                <c:pt idx="7753">
                  <c:v>-129934.82870726701</c:v>
                </c:pt>
                <c:pt idx="7754">
                  <c:v>-129934.82870726701</c:v>
                </c:pt>
                <c:pt idx="7755">
                  <c:v>-129934.82870726701</c:v>
                </c:pt>
                <c:pt idx="7756">
                  <c:v>-129934.82870726701</c:v>
                </c:pt>
                <c:pt idx="7757">
                  <c:v>-130298.311439112</c:v>
                </c:pt>
                <c:pt idx="7758">
                  <c:v>-130373.06984995</c:v>
                </c:pt>
                <c:pt idx="7759">
                  <c:v>-130373.06984995</c:v>
                </c:pt>
                <c:pt idx="7760">
                  <c:v>-130048.18622686699</c:v>
                </c:pt>
                <c:pt idx="7761">
                  <c:v>-130048.18622686699</c:v>
                </c:pt>
                <c:pt idx="7762">
                  <c:v>-128106.296208662</c:v>
                </c:pt>
                <c:pt idx="7763">
                  <c:v>-128549.877919858</c:v>
                </c:pt>
                <c:pt idx="7764">
                  <c:v>-127967.92386257301</c:v>
                </c:pt>
                <c:pt idx="7765">
                  <c:v>-128071.68390454</c:v>
                </c:pt>
                <c:pt idx="7766">
                  <c:v>-127665.735192896</c:v>
                </c:pt>
                <c:pt idx="7767">
                  <c:v>-128573.828311581</c:v>
                </c:pt>
                <c:pt idx="7768">
                  <c:v>-126546.900515531</c:v>
                </c:pt>
                <c:pt idx="7769">
                  <c:v>-126546.900515531</c:v>
                </c:pt>
                <c:pt idx="7770">
                  <c:v>-126546.900515531</c:v>
                </c:pt>
                <c:pt idx="7771">
                  <c:v>-124999.03472400999</c:v>
                </c:pt>
                <c:pt idx="7772">
                  <c:v>-124918.919374588</c:v>
                </c:pt>
                <c:pt idx="7773">
                  <c:v>-124760.88129744701</c:v>
                </c:pt>
                <c:pt idx="7774">
                  <c:v>-123758.584661617</c:v>
                </c:pt>
                <c:pt idx="7775">
                  <c:v>-121539.444652433</c:v>
                </c:pt>
                <c:pt idx="7776">
                  <c:v>-120126.855075745</c:v>
                </c:pt>
                <c:pt idx="7777">
                  <c:v>-115849.985200686</c:v>
                </c:pt>
                <c:pt idx="7778">
                  <c:v>-114631.91938409601</c:v>
                </c:pt>
                <c:pt idx="7779">
                  <c:v>-114891.578786838</c:v>
                </c:pt>
                <c:pt idx="7780">
                  <c:v>-115607.203685211</c:v>
                </c:pt>
                <c:pt idx="7781">
                  <c:v>-115607.203685211</c:v>
                </c:pt>
                <c:pt idx="7782">
                  <c:v>-115860.855401963</c:v>
                </c:pt>
                <c:pt idx="7783">
                  <c:v>-115404.562144945</c:v>
                </c:pt>
                <c:pt idx="7784">
                  <c:v>-115442.672842959</c:v>
                </c:pt>
                <c:pt idx="7785">
                  <c:v>-113627.765949436</c:v>
                </c:pt>
                <c:pt idx="7786">
                  <c:v>-112664.16521428899</c:v>
                </c:pt>
                <c:pt idx="7787">
                  <c:v>-110016.16409602801</c:v>
                </c:pt>
                <c:pt idx="7788">
                  <c:v>-110016.16409602801</c:v>
                </c:pt>
                <c:pt idx="7789">
                  <c:v>-110016.16409602801</c:v>
                </c:pt>
                <c:pt idx="7790">
                  <c:v>-105724.648815138</c:v>
                </c:pt>
                <c:pt idx="7791">
                  <c:v>-105009.023916765</c:v>
                </c:pt>
                <c:pt idx="7792">
                  <c:v>-104861.080126612</c:v>
                </c:pt>
                <c:pt idx="7793">
                  <c:v>-104861.080126612</c:v>
                </c:pt>
                <c:pt idx="7794">
                  <c:v>-104861.080126612</c:v>
                </c:pt>
                <c:pt idx="7795">
                  <c:v>-104861.080126612</c:v>
                </c:pt>
                <c:pt idx="7796">
                  <c:v>-106225.124628345</c:v>
                </c:pt>
                <c:pt idx="7797">
                  <c:v>-106225.124628345</c:v>
                </c:pt>
                <c:pt idx="7798">
                  <c:v>-104770.67058136599</c:v>
                </c:pt>
                <c:pt idx="7799">
                  <c:v>-100958.048050542</c:v>
                </c:pt>
                <c:pt idx="7800">
                  <c:v>-100958.048050542</c:v>
                </c:pt>
                <c:pt idx="7801">
                  <c:v>-100958.048050542</c:v>
                </c:pt>
                <c:pt idx="7802">
                  <c:v>-98915.810139197594</c:v>
                </c:pt>
                <c:pt idx="7803">
                  <c:v>-98915.810139197594</c:v>
                </c:pt>
                <c:pt idx="7804">
                  <c:v>-98915.810139197594</c:v>
                </c:pt>
                <c:pt idx="7805">
                  <c:v>-95656.754941613603</c:v>
                </c:pt>
                <c:pt idx="7806">
                  <c:v>-95656.754941613603</c:v>
                </c:pt>
                <c:pt idx="7807">
                  <c:v>-95610.908225298204</c:v>
                </c:pt>
                <c:pt idx="7808">
                  <c:v>-95610.908225298204</c:v>
                </c:pt>
                <c:pt idx="7809">
                  <c:v>-95610.908225298204</c:v>
                </c:pt>
                <c:pt idx="7810">
                  <c:v>-91876.289341385505</c:v>
                </c:pt>
                <c:pt idx="7811">
                  <c:v>-91466.805674423696</c:v>
                </c:pt>
                <c:pt idx="7812">
                  <c:v>-91466.805674423696</c:v>
                </c:pt>
                <c:pt idx="7813">
                  <c:v>-90988.381883213093</c:v>
                </c:pt>
                <c:pt idx="7814">
                  <c:v>-90988.381883213093</c:v>
                </c:pt>
                <c:pt idx="7815">
                  <c:v>-90988.381883213093</c:v>
                </c:pt>
                <c:pt idx="7816">
                  <c:v>-90988.381883213093</c:v>
                </c:pt>
                <c:pt idx="7817">
                  <c:v>-91346.781403908695</c:v>
                </c:pt>
                <c:pt idx="7818">
                  <c:v>-91346.781403908695</c:v>
                </c:pt>
                <c:pt idx="7819">
                  <c:v>-91346.781403908695</c:v>
                </c:pt>
                <c:pt idx="7820">
                  <c:v>-91346.781403908695</c:v>
                </c:pt>
                <c:pt idx="7821">
                  <c:v>-91346.781403908695</c:v>
                </c:pt>
                <c:pt idx="7822">
                  <c:v>-91346.781403908695</c:v>
                </c:pt>
                <c:pt idx="7823">
                  <c:v>-90996.592124430201</c:v>
                </c:pt>
                <c:pt idx="7824">
                  <c:v>-87011.9529336165</c:v>
                </c:pt>
                <c:pt idx="7825">
                  <c:v>-87011.9529336165</c:v>
                </c:pt>
                <c:pt idx="7826">
                  <c:v>-87415.591700133897</c:v>
                </c:pt>
                <c:pt idx="7827">
                  <c:v>-87415.591700133897</c:v>
                </c:pt>
                <c:pt idx="7828">
                  <c:v>-85549.328199445503</c:v>
                </c:pt>
                <c:pt idx="7829">
                  <c:v>-85732.535103829796</c:v>
                </c:pt>
                <c:pt idx="7830">
                  <c:v>-90272.659403463404</c:v>
                </c:pt>
                <c:pt idx="7831">
                  <c:v>-90272.659403463404</c:v>
                </c:pt>
                <c:pt idx="7832">
                  <c:v>-88803.714685766696</c:v>
                </c:pt>
                <c:pt idx="7833">
                  <c:v>-88219.918942695906</c:v>
                </c:pt>
                <c:pt idx="7834">
                  <c:v>-88219.918942695906</c:v>
                </c:pt>
                <c:pt idx="7835">
                  <c:v>-86196.429824025807</c:v>
                </c:pt>
                <c:pt idx="7836">
                  <c:v>-85460.137548023107</c:v>
                </c:pt>
                <c:pt idx="7837">
                  <c:v>-83468.080392216594</c:v>
                </c:pt>
                <c:pt idx="7838">
                  <c:v>-85643.077934862798</c:v>
                </c:pt>
                <c:pt idx="7839">
                  <c:v>-85424.292409089394</c:v>
                </c:pt>
                <c:pt idx="7840">
                  <c:v>-85424.292409089394</c:v>
                </c:pt>
                <c:pt idx="7841">
                  <c:v>-84412.571794223302</c:v>
                </c:pt>
                <c:pt idx="7842">
                  <c:v>-85127.184172540205</c:v>
                </c:pt>
                <c:pt idx="7843">
                  <c:v>-85127.184172540205</c:v>
                </c:pt>
                <c:pt idx="7844">
                  <c:v>-85192.2587765465</c:v>
                </c:pt>
                <c:pt idx="7845">
                  <c:v>-85002.081440766298</c:v>
                </c:pt>
                <c:pt idx="7846">
                  <c:v>-85002.081440766298</c:v>
                </c:pt>
                <c:pt idx="7847">
                  <c:v>-85002.081440766298</c:v>
                </c:pt>
                <c:pt idx="7848">
                  <c:v>-83801.763198036904</c:v>
                </c:pt>
                <c:pt idx="7849">
                  <c:v>-83801.763198036904</c:v>
                </c:pt>
                <c:pt idx="7850">
                  <c:v>-83801.763198036904</c:v>
                </c:pt>
                <c:pt idx="7851">
                  <c:v>-83801.763198036904</c:v>
                </c:pt>
                <c:pt idx="7852">
                  <c:v>-80793.782431935702</c:v>
                </c:pt>
                <c:pt idx="7853">
                  <c:v>-86010.821679148401</c:v>
                </c:pt>
                <c:pt idx="7854">
                  <c:v>-85282.046065165196</c:v>
                </c:pt>
                <c:pt idx="7855">
                  <c:v>-84105.506597247193</c:v>
                </c:pt>
                <c:pt idx="7856">
                  <c:v>-83484.097169222106</c:v>
                </c:pt>
                <c:pt idx="7857">
                  <c:v>-83484.097169222106</c:v>
                </c:pt>
                <c:pt idx="7858">
                  <c:v>-83484.097169222106</c:v>
                </c:pt>
                <c:pt idx="7859">
                  <c:v>-84931.438770143097</c:v>
                </c:pt>
                <c:pt idx="7860">
                  <c:v>-81763.5209275214</c:v>
                </c:pt>
                <c:pt idx="7861">
                  <c:v>-81763.5209275214</c:v>
                </c:pt>
                <c:pt idx="7862">
                  <c:v>-81763.5209275214</c:v>
                </c:pt>
                <c:pt idx="7863">
                  <c:v>-80938.335759295805</c:v>
                </c:pt>
                <c:pt idx="7864">
                  <c:v>-80938.335759295805</c:v>
                </c:pt>
                <c:pt idx="7865">
                  <c:v>-80938.335759295805</c:v>
                </c:pt>
                <c:pt idx="7866">
                  <c:v>-79372.827007145897</c:v>
                </c:pt>
                <c:pt idx="7867">
                  <c:v>-83839.862592313206</c:v>
                </c:pt>
                <c:pt idx="7868">
                  <c:v>-83839.862592313206</c:v>
                </c:pt>
                <c:pt idx="7869">
                  <c:v>-83182.435805259302</c:v>
                </c:pt>
                <c:pt idx="7870">
                  <c:v>-83817.663047820999</c:v>
                </c:pt>
                <c:pt idx="7871">
                  <c:v>-83963.845105152606</c:v>
                </c:pt>
                <c:pt idx="7872">
                  <c:v>-83157.694834954993</c:v>
                </c:pt>
                <c:pt idx="7873">
                  <c:v>-83157.694834954993</c:v>
                </c:pt>
                <c:pt idx="7874">
                  <c:v>-83358.542364586596</c:v>
                </c:pt>
                <c:pt idx="7875">
                  <c:v>-83358.542364586596</c:v>
                </c:pt>
                <c:pt idx="7876">
                  <c:v>-82583.748263095302</c:v>
                </c:pt>
                <c:pt idx="7877">
                  <c:v>-82443.381292787803</c:v>
                </c:pt>
                <c:pt idx="7878">
                  <c:v>-82443.381292787803</c:v>
                </c:pt>
                <c:pt idx="7879">
                  <c:v>-82443.381292787803</c:v>
                </c:pt>
                <c:pt idx="7880">
                  <c:v>-82443.381292787803</c:v>
                </c:pt>
                <c:pt idx="7881">
                  <c:v>-75609.9009148732</c:v>
                </c:pt>
                <c:pt idx="7882">
                  <c:v>-71502.7801463301</c:v>
                </c:pt>
                <c:pt idx="7883">
                  <c:v>-71502.7801463301</c:v>
                </c:pt>
                <c:pt idx="7884">
                  <c:v>-71502.7801463301</c:v>
                </c:pt>
                <c:pt idx="7885">
                  <c:v>-71502.7801463301</c:v>
                </c:pt>
                <c:pt idx="7886">
                  <c:v>-71502.7801463301</c:v>
                </c:pt>
                <c:pt idx="7887">
                  <c:v>-71502.7801463301</c:v>
                </c:pt>
                <c:pt idx="7888">
                  <c:v>-71502.7801463301</c:v>
                </c:pt>
                <c:pt idx="7889">
                  <c:v>-71502.7801463301</c:v>
                </c:pt>
                <c:pt idx="7890">
                  <c:v>-71947.904348993397</c:v>
                </c:pt>
                <c:pt idx="7891">
                  <c:v>-72149.023080164596</c:v>
                </c:pt>
                <c:pt idx="7892">
                  <c:v>-72149.023080164596</c:v>
                </c:pt>
                <c:pt idx="7893">
                  <c:v>-70729.417258948102</c:v>
                </c:pt>
                <c:pt idx="7894">
                  <c:v>-70703.580404992899</c:v>
                </c:pt>
                <c:pt idx="7895">
                  <c:v>-67784.419935705402</c:v>
                </c:pt>
                <c:pt idx="7896">
                  <c:v>-67174.978903394906</c:v>
                </c:pt>
                <c:pt idx="7897">
                  <c:v>-67174.978903394906</c:v>
                </c:pt>
                <c:pt idx="7898">
                  <c:v>-71180.873406132203</c:v>
                </c:pt>
                <c:pt idx="7899">
                  <c:v>-73693.074717284602</c:v>
                </c:pt>
                <c:pt idx="7900">
                  <c:v>-74668.325763097993</c:v>
                </c:pt>
                <c:pt idx="7901">
                  <c:v>-74668.325763097993</c:v>
                </c:pt>
                <c:pt idx="7902">
                  <c:v>-70271.587179838694</c:v>
                </c:pt>
                <c:pt idx="7903">
                  <c:v>-70271.587179838694</c:v>
                </c:pt>
                <c:pt idx="7904">
                  <c:v>-70110.994509425</c:v>
                </c:pt>
                <c:pt idx="7905">
                  <c:v>-66912.799460291601</c:v>
                </c:pt>
                <c:pt idx="7906">
                  <c:v>-66912.799460291601</c:v>
                </c:pt>
                <c:pt idx="7907">
                  <c:v>-69646.601103832494</c:v>
                </c:pt>
                <c:pt idx="7908">
                  <c:v>-69749.705455667805</c:v>
                </c:pt>
                <c:pt idx="7909">
                  <c:v>-69749.705455667805</c:v>
                </c:pt>
                <c:pt idx="7910">
                  <c:v>-64609.452044078098</c:v>
                </c:pt>
                <c:pt idx="7911">
                  <c:v>-64609.452044078098</c:v>
                </c:pt>
                <c:pt idx="7912">
                  <c:v>-64609.452044078098</c:v>
                </c:pt>
                <c:pt idx="7913">
                  <c:v>-63706.318991030603</c:v>
                </c:pt>
                <c:pt idx="7914">
                  <c:v>-63289.908284425503</c:v>
                </c:pt>
                <c:pt idx="7915">
                  <c:v>-58449.7751542837</c:v>
                </c:pt>
                <c:pt idx="7916">
                  <c:v>-58717.311858453097</c:v>
                </c:pt>
                <c:pt idx="7917">
                  <c:v>-58536.757901710902</c:v>
                </c:pt>
                <c:pt idx="7918">
                  <c:v>-57809.774839848702</c:v>
                </c:pt>
                <c:pt idx="7919">
                  <c:v>-55672.167514246903</c:v>
                </c:pt>
                <c:pt idx="7920">
                  <c:v>-58748.5080103164</c:v>
                </c:pt>
                <c:pt idx="7921">
                  <c:v>-58748.5080103164</c:v>
                </c:pt>
                <c:pt idx="7922">
                  <c:v>-58110.6815452308</c:v>
                </c:pt>
                <c:pt idx="7923">
                  <c:v>-57271.904084072201</c:v>
                </c:pt>
                <c:pt idx="7924">
                  <c:v>-57271.904084072201</c:v>
                </c:pt>
                <c:pt idx="7925">
                  <c:v>-57155.502659531099</c:v>
                </c:pt>
                <c:pt idx="7926">
                  <c:v>-57155.502659531099</c:v>
                </c:pt>
                <c:pt idx="7927">
                  <c:v>-54262.896451663903</c:v>
                </c:pt>
                <c:pt idx="7928">
                  <c:v>-54310.659110883898</c:v>
                </c:pt>
                <c:pt idx="7929">
                  <c:v>-52913.760109058101</c:v>
                </c:pt>
                <c:pt idx="7930">
                  <c:v>-52913.760109058101</c:v>
                </c:pt>
                <c:pt idx="7931">
                  <c:v>-52913.760109058101</c:v>
                </c:pt>
                <c:pt idx="7932">
                  <c:v>-52913.760109058101</c:v>
                </c:pt>
                <c:pt idx="7933">
                  <c:v>-51459.780903204599</c:v>
                </c:pt>
                <c:pt idx="7934">
                  <c:v>-51160.541890018401</c:v>
                </c:pt>
                <c:pt idx="7935">
                  <c:v>-45580.277760252597</c:v>
                </c:pt>
                <c:pt idx="7936">
                  <c:v>-45451.072306821799</c:v>
                </c:pt>
                <c:pt idx="7937">
                  <c:v>-45451.072306821799</c:v>
                </c:pt>
                <c:pt idx="7938">
                  <c:v>-45451.072306821799</c:v>
                </c:pt>
                <c:pt idx="7939">
                  <c:v>-43474.041160975103</c:v>
                </c:pt>
                <c:pt idx="7940">
                  <c:v>-43474.041160975103</c:v>
                </c:pt>
                <c:pt idx="7941">
                  <c:v>-42675.450330151703</c:v>
                </c:pt>
                <c:pt idx="7942">
                  <c:v>-41251.235850544203</c:v>
                </c:pt>
                <c:pt idx="7943">
                  <c:v>-42225.587839796899</c:v>
                </c:pt>
                <c:pt idx="7944">
                  <c:v>-39900.975371757297</c:v>
                </c:pt>
                <c:pt idx="7945">
                  <c:v>-34141.012952084202</c:v>
                </c:pt>
                <c:pt idx="7946">
                  <c:v>-34141.012952084202</c:v>
                </c:pt>
                <c:pt idx="7947">
                  <c:v>-34724.835841053602</c:v>
                </c:pt>
                <c:pt idx="7948">
                  <c:v>-31364.190503145601</c:v>
                </c:pt>
                <c:pt idx="7949">
                  <c:v>-31364.190503145601</c:v>
                </c:pt>
                <c:pt idx="7950">
                  <c:v>-31364.190503145601</c:v>
                </c:pt>
                <c:pt idx="7951">
                  <c:v>-31364.190503145601</c:v>
                </c:pt>
                <c:pt idx="7952">
                  <c:v>-29639.494061391601</c:v>
                </c:pt>
                <c:pt idx="7953">
                  <c:v>-29639.494061391601</c:v>
                </c:pt>
                <c:pt idx="7954">
                  <c:v>-29639.494061391601</c:v>
                </c:pt>
                <c:pt idx="7955">
                  <c:v>-30237.700941155701</c:v>
                </c:pt>
                <c:pt idx="7956">
                  <c:v>-32928.879940228297</c:v>
                </c:pt>
                <c:pt idx="7957">
                  <c:v>-27061.2851453726</c:v>
                </c:pt>
                <c:pt idx="7958">
                  <c:v>-27061.2851453726</c:v>
                </c:pt>
                <c:pt idx="7959">
                  <c:v>-29083.001447669001</c:v>
                </c:pt>
                <c:pt idx="7960">
                  <c:v>-30466.646553423499</c:v>
                </c:pt>
                <c:pt idx="7961">
                  <c:v>-30466.646553423499</c:v>
                </c:pt>
                <c:pt idx="7962">
                  <c:v>-33840.370783967199</c:v>
                </c:pt>
                <c:pt idx="7963">
                  <c:v>-33839.9486872833</c:v>
                </c:pt>
                <c:pt idx="7964">
                  <c:v>-34704.302873499902</c:v>
                </c:pt>
                <c:pt idx="7965">
                  <c:v>-30686.650912199399</c:v>
                </c:pt>
                <c:pt idx="7966">
                  <c:v>-30686.650912199399</c:v>
                </c:pt>
                <c:pt idx="7967">
                  <c:v>-24842.516910732498</c:v>
                </c:pt>
                <c:pt idx="7968">
                  <c:v>-24850.121174832599</c:v>
                </c:pt>
                <c:pt idx="7969">
                  <c:v>-25096.575434086801</c:v>
                </c:pt>
                <c:pt idx="7970">
                  <c:v>-25096.575434086801</c:v>
                </c:pt>
                <c:pt idx="7971">
                  <c:v>-25096.575434086801</c:v>
                </c:pt>
                <c:pt idx="7972">
                  <c:v>-25096.575434086801</c:v>
                </c:pt>
                <c:pt idx="7973">
                  <c:v>-25096.575434086801</c:v>
                </c:pt>
                <c:pt idx="7974">
                  <c:v>-25096.575434086801</c:v>
                </c:pt>
                <c:pt idx="7975">
                  <c:v>-25096.575434086801</c:v>
                </c:pt>
                <c:pt idx="7976">
                  <c:v>-25096.575434086801</c:v>
                </c:pt>
                <c:pt idx="7977">
                  <c:v>-25096.575434086801</c:v>
                </c:pt>
                <c:pt idx="7978">
                  <c:v>-25096.575434086801</c:v>
                </c:pt>
                <c:pt idx="7979">
                  <c:v>-27552.914794788201</c:v>
                </c:pt>
                <c:pt idx="7980">
                  <c:v>-27552.914794788201</c:v>
                </c:pt>
                <c:pt idx="7981">
                  <c:v>-27552.914794788201</c:v>
                </c:pt>
                <c:pt idx="7982">
                  <c:v>-27552.914794788201</c:v>
                </c:pt>
                <c:pt idx="7983">
                  <c:v>-27552.914794788201</c:v>
                </c:pt>
                <c:pt idx="7984">
                  <c:v>-26255.968288868698</c:v>
                </c:pt>
                <c:pt idx="7985">
                  <c:v>-25681.500103618499</c:v>
                </c:pt>
                <c:pt idx="7986">
                  <c:v>-27705.8295489007</c:v>
                </c:pt>
                <c:pt idx="7987">
                  <c:v>-25568.869456410601</c:v>
                </c:pt>
                <c:pt idx="7988">
                  <c:v>-25324.313585798998</c:v>
                </c:pt>
                <c:pt idx="7989">
                  <c:v>-25324.313585798998</c:v>
                </c:pt>
                <c:pt idx="7990">
                  <c:v>-23906.769478846101</c:v>
                </c:pt>
                <c:pt idx="7991">
                  <c:v>-23906.769478846101</c:v>
                </c:pt>
                <c:pt idx="7992">
                  <c:v>-25818.335807126499</c:v>
                </c:pt>
                <c:pt idx="7993">
                  <c:v>-25818.335807126499</c:v>
                </c:pt>
                <c:pt idx="7994">
                  <c:v>-25818.335807126499</c:v>
                </c:pt>
                <c:pt idx="7995">
                  <c:v>-24328.242390462401</c:v>
                </c:pt>
                <c:pt idx="7996">
                  <c:v>-22644.236755510301</c:v>
                </c:pt>
                <c:pt idx="7997">
                  <c:v>-22644.236755510301</c:v>
                </c:pt>
                <c:pt idx="7998">
                  <c:v>-22644.236755510301</c:v>
                </c:pt>
                <c:pt idx="7999">
                  <c:v>-23362.6938499401</c:v>
                </c:pt>
                <c:pt idx="8000">
                  <c:v>-23362.6938499401</c:v>
                </c:pt>
                <c:pt idx="8001">
                  <c:v>-23362.6938499401</c:v>
                </c:pt>
                <c:pt idx="8002">
                  <c:v>-23169.6477779169</c:v>
                </c:pt>
                <c:pt idx="8003">
                  <c:v>-23169.6477779169</c:v>
                </c:pt>
                <c:pt idx="8004">
                  <c:v>-23124.102163887601</c:v>
                </c:pt>
                <c:pt idx="8005">
                  <c:v>-23124.102163887601</c:v>
                </c:pt>
                <c:pt idx="8006">
                  <c:v>-11291.9478949411</c:v>
                </c:pt>
                <c:pt idx="8007">
                  <c:v>-6617.9338084587398</c:v>
                </c:pt>
                <c:pt idx="8008">
                  <c:v>-6617.9338084587398</c:v>
                </c:pt>
                <c:pt idx="8009">
                  <c:v>-3940.1595544659099</c:v>
                </c:pt>
                <c:pt idx="8010">
                  <c:v>-3940.1595544659099</c:v>
                </c:pt>
                <c:pt idx="8011">
                  <c:v>-3940.1595544659099</c:v>
                </c:pt>
                <c:pt idx="8012">
                  <c:v>-4690.9149815894198</c:v>
                </c:pt>
                <c:pt idx="8013">
                  <c:v>-4690.9149815894198</c:v>
                </c:pt>
                <c:pt idx="8014">
                  <c:v>-1014.15080166748</c:v>
                </c:pt>
                <c:pt idx="8015">
                  <c:v>594.31445362698298</c:v>
                </c:pt>
                <c:pt idx="8016">
                  <c:v>1948.0147509123201</c:v>
                </c:pt>
                <c:pt idx="8017">
                  <c:v>1948.0147509123201</c:v>
                </c:pt>
                <c:pt idx="8018">
                  <c:v>1948.0147509123201</c:v>
                </c:pt>
                <c:pt idx="8019">
                  <c:v>1948.0147509123201</c:v>
                </c:pt>
                <c:pt idx="8020">
                  <c:v>1948.0147509123201</c:v>
                </c:pt>
                <c:pt idx="8021">
                  <c:v>1948.0147509123201</c:v>
                </c:pt>
                <c:pt idx="8022">
                  <c:v>4000.2191366830398</c:v>
                </c:pt>
                <c:pt idx="8023">
                  <c:v>4000.2191366830398</c:v>
                </c:pt>
                <c:pt idx="8024">
                  <c:v>4000.2191366830398</c:v>
                </c:pt>
                <c:pt idx="8025">
                  <c:v>4000.2191366830398</c:v>
                </c:pt>
                <c:pt idx="8026">
                  <c:v>4243.9682752930103</c:v>
                </c:pt>
                <c:pt idx="8027">
                  <c:v>4243.9682752930103</c:v>
                </c:pt>
                <c:pt idx="8028">
                  <c:v>4243.9682752930103</c:v>
                </c:pt>
                <c:pt idx="8029">
                  <c:v>5251.1609892640299</c:v>
                </c:pt>
                <c:pt idx="8030">
                  <c:v>5251.1609892640299</c:v>
                </c:pt>
                <c:pt idx="8031">
                  <c:v>5049.4351690302101</c:v>
                </c:pt>
                <c:pt idx="8032">
                  <c:v>7545.3761683236798</c:v>
                </c:pt>
                <c:pt idx="8033">
                  <c:v>7545.3761683236798</c:v>
                </c:pt>
                <c:pt idx="8034">
                  <c:v>8773.5457027261109</c:v>
                </c:pt>
                <c:pt idx="8035">
                  <c:v>8773.5457027261109</c:v>
                </c:pt>
                <c:pt idx="8036">
                  <c:v>8773.5457027261109</c:v>
                </c:pt>
                <c:pt idx="8037">
                  <c:v>19540.636270818799</c:v>
                </c:pt>
                <c:pt idx="8038">
                  <c:v>19561.5626142039</c:v>
                </c:pt>
                <c:pt idx="8039">
                  <c:v>19561.5626142039</c:v>
                </c:pt>
                <c:pt idx="8040">
                  <c:v>19565.5320987091</c:v>
                </c:pt>
                <c:pt idx="8041">
                  <c:v>18099.964961337399</c:v>
                </c:pt>
                <c:pt idx="8042">
                  <c:v>21790.038361958501</c:v>
                </c:pt>
                <c:pt idx="8043">
                  <c:v>23448.287870673201</c:v>
                </c:pt>
                <c:pt idx="8044">
                  <c:v>21504.235350191801</c:v>
                </c:pt>
                <c:pt idx="8045">
                  <c:v>21504.235350191801</c:v>
                </c:pt>
                <c:pt idx="8046">
                  <c:v>21504.235350191801</c:v>
                </c:pt>
                <c:pt idx="8047">
                  <c:v>21504.235350191801</c:v>
                </c:pt>
                <c:pt idx="8048">
                  <c:v>21504.235350191801</c:v>
                </c:pt>
                <c:pt idx="8049">
                  <c:v>20398.208604117201</c:v>
                </c:pt>
                <c:pt idx="8050">
                  <c:v>25628.058768520601</c:v>
                </c:pt>
                <c:pt idx="8051">
                  <c:v>24815.389230411001</c:v>
                </c:pt>
                <c:pt idx="8052">
                  <c:v>24815.389230411001</c:v>
                </c:pt>
                <c:pt idx="8053">
                  <c:v>24394.977481361901</c:v>
                </c:pt>
                <c:pt idx="8054">
                  <c:v>25453.668921844601</c:v>
                </c:pt>
                <c:pt idx="8055">
                  <c:v>25453.668921844601</c:v>
                </c:pt>
                <c:pt idx="8056">
                  <c:v>23184.546848029098</c:v>
                </c:pt>
                <c:pt idx="8057">
                  <c:v>23184.546848029098</c:v>
                </c:pt>
                <c:pt idx="8058">
                  <c:v>23466.061505077399</c:v>
                </c:pt>
                <c:pt idx="8059">
                  <c:v>25994.4257481401</c:v>
                </c:pt>
                <c:pt idx="8060">
                  <c:v>25994.4257481401</c:v>
                </c:pt>
                <c:pt idx="8061">
                  <c:v>25898.890151804499</c:v>
                </c:pt>
                <c:pt idx="8062">
                  <c:v>25898.890151804499</c:v>
                </c:pt>
                <c:pt idx="8063">
                  <c:v>25898.890151804499</c:v>
                </c:pt>
                <c:pt idx="8064">
                  <c:v>25898.890151804499</c:v>
                </c:pt>
                <c:pt idx="8065">
                  <c:v>22898.606475431501</c:v>
                </c:pt>
                <c:pt idx="8066">
                  <c:v>22898.606475431501</c:v>
                </c:pt>
                <c:pt idx="8067">
                  <c:v>22714.5942398517</c:v>
                </c:pt>
                <c:pt idx="8068">
                  <c:v>22714.5942398517</c:v>
                </c:pt>
                <c:pt idx="8069">
                  <c:v>22714.5942398517</c:v>
                </c:pt>
                <c:pt idx="8070">
                  <c:v>22714.5942398517</c:v>
                </c:pt>
                <c:pt idx="8071">
                  <c:v>22118.2049435566</c:v>
                </c:pt>
                <c:pt idx="8072">
                  <c:v>22118.2049435566</c:v>
                </c:pt>
                <c:pt idx="8073">
                  <c:v>22118.2049435566</c:v>
                </c:pt>
                <c:pt idx="8074">
                  <c:v>22118.2049435566</c:v>
                </c:pt>
                <c:pt idx="8075">
                  <c:v>22118.2049435566</c:v>
                </c:pt>
                <c:pt idx="8076">
                  <c:v>22118.2049435566</c:v>
                </c:pt>
                <c:pt idx="8077">
                  <c:v>22118.2049435566</c:v>
                </c:pt>
                <c:pt idx="8078">
                  <c:v>24311.562211939799</c:v>
                </c:pt>
                <c:pt idx="8079">
                  <c:v>24311.562211939799</c:v>
                </c:pt>
                <c:pt idx="8080">
                  <c:v>25741.781042306699</c:v>
                </c:pt>
                <c:pt idx="8081">
                  <c:v>25741.781042306699</c:v>
                </c:pt>
                <c:pt idx="8082">
                  <c:v>25741.781042306699</c:v>
                </c:pt>
                <c:pt idx="8083">
                  <c:v>25741.781042306699</c:v>
                </c:pt>
                <c:pt idx="8084">
                  <c:v>25741.781042306699</c:v>
                </c:pt>
                <c:pt idx="8085">
                  <c:v>25719.7155160189</c:v>
                </c:pt>
                <c:pt idx="8086">
                  <c:v>25719.7155160189</c:v>
                </c:pt>
                <c:pt idx="8087">
                  <c:v>25719.7155160189</c:v>
                </c:pt>
                <c:pt idx="8088">
                  <c:v>25719.7155160189</c:v>
                </c:pt>
                <c:pt idx="8089">
                  <c:v>25719.7155160189</c:v>
                </c:pt>
                <c:pt idx="8090">
                  <c:v>24667.582965764701</c:v>
                </c:pt>
                <c:pt idx="8091">
                  <c:v>24772.974628651999</c:v>
                </c:pt>
                <c:pt idx="8092">
                  <c:v>25994.9453096611</c:v>
                </c:pt>
                <c:pt idx="8093">
                  <c:v>27055.123474321299</c:v>
                </c:pt>
                <c:pt idx="8094">
                  <c:v>27055.123474321299</c:v>
                </c:pt>
                <c:pt idx="8095">
                  <c:v>27055.123474321299</c:v>
                </c:pt>
                <c:pt idx="8096">
                  <c:v>27230.5048043139</c:v>
                </c:pt>
                <c:pt idx="8097">
                  <c:v>27230.5048043139</c:v>
                </c:pt>
                <c:pt idx="8098">
                  <c:v>28303.175680214801</c:v>
                </c:pt>
                <c:pt idx="8099">
                  <c:v>30311.170030068799</c:v>
                </c:pt>
                <c:pt idx="8100">
                  <c:v>30311.170030068799</c:v>
                </c:pt>
                <c:pt idx="8101">
                  <c:v>30311.170030068799</c:v>
                </c:pt>
                <c:pt idx="8102">
                  <c:v>33804.100419075701</c:v>
                </c:pt>
                <c:pt idx="8103">
                  <c:v>33804.100419075701</c:v>
                </c:pt>
                <c:pt idx="8104">
                  <c:v>33804.100419075701</c:v>
                </c:pt>
                <c:pt idx="8105">
                  <c:v>33804.100419075701</c:v>
                </c:pt>
                <c:pt idx="8106">
                  <c:v>34441.654631893201</c:v>
                </c:pt>
                <c:pt idx="8107">
                  <c:v>34355.844203016</c:v>
                </c:pt>
                <c:pt idx="8108">
                  <c:v>36146.241005014403</c:v>
                </c:pt>
                <c:pt idx="8109">
                  <c:v>36146.241005014403</c:v>
                </c:pt>
                <c:pt idx="8110">
                  <c:v>36146.241005014403</c:v>
                </c:pt>
                <c:pt idx="8111">
                  <c:v>36146.241005014403</c:v>
                </c:pt>
                <c:pt idx="8112">
                  <c:v>36146.241005014403</c:v>
                </c:pt>
                <c:pt idx="8113">
                  <c:v>37162.400317179498</c:v>
                </c:pt>
                <c:pt idx="8114">
                  <c:v>37162.400317179498</c:v>
                </c:pt>
                <c:pt idx="8115">
                  <c:v>37162.400317179498</c:v>
                </c:pt>
                <c:pt idx="8116">
                  <c:v>37162.400317179498</c:v>
                </c:pt>
                <c:pt idx="8117">
                  <c:v>37162.400317179498</c:v>
                </c:pt>
                <c:pt idx="8118">
                  <c:v>37162.400317179498</c:v>
                </c:pt>
                <c:pt idx="8119">
                  <c:v>38544.1933992794</c:v>
                </c:pt>
                <c:pt idx="8120">
                  <c:v>39772.581508244599</c:v>
                </c:pt>
                <c:pt idx="8121">
                  <c:v>40175.030927792897</c:v>
                </c:pt>
                <c:pt idx="8122">
                  <c:v>40175.030927792897</c:v>
                </c:pt>
                <c:pt idx="8123">
                  <c:v>45996.684375951998</c:v>
                </c:pt>
                <c:pt idx="8124">
                  <c:v>46427.204363108402</c:v>
                </c:pt>
                <c:pt idx="8125">
                  <c:v>46427.204363108402</c:v>
                </c:pt>
                <c:pt idx="8126">
                  <c:v>46427.204363108402</c:v>
                </c:pt>
                <c:pt idx="8127">
                  <c:v>46427.204363108402</c:v>
                </c:pt>
                <c:pt idx="8128">
                  <c:v>44963.399039203301</c:v>
                </c:pt>
                <c:pt idx="8129">
                  <c:v>44963.399039203301</c:v>
                </c:pt>
                <c:pt idx="8130">
                  <c:v>44963.399039203301</c:v>
                </c:pt>
                <c:pt idx="8131">
                  <c:v>44963.399039203301</c:v>
                </c:pt>
                <c:pt idx="8132">
                  <c:v>44963.399039203301</c:v>
                </c:pt>
                <c:pt idx="8133">
                  <c:v>44915.666182821602</c:v>
                </c:pt>
                <c:pt idx="8134">
                  <c:v>44915.666182821602</c:v>
                </c:pt>
                <c:pt idx="8135">
                  <c:v>44915.666182821602</c:v>
                </c:pt>
                <c:pt idx="8136">
                  <c:v>44915.666182821602</c:v>
                </c:pt>
                <c:pt idx="8137">
                  <c:v>45492.998909298098</c:v>
                </c:pt>
                <c:pt idx="8138">
                  <c:v>45492.998909298098</c:v>
                </c:pt>
                <c:pt idx="8139">
                  <c:v>45492.998909298098</c:v>
                </c:pt>
                <c:pt idx="8140">
                  <c:v>45757.887542767698</c:v>
                </c:pt>
                <c:pt idx="8141">
                  <c:v>45300.4289861531</c:v>
                </c:pt>
                <c:pt idx="8142">
                  <c:v>45300.4289861531</c:v>
                </c:pt>
                <c:pt idx="8143">
                  <c:v>45661.909645519503</c:v>
                </c:pt>
                <c:pt idx="8144">
                  <c:v>45661.909645519503</c:v>
                </c:pt>
                <c:pt idx="8145">
                  <c:v>45661.909645519503</c:v>
                </c:pt>
                <c:pt idx="8146">
                  <c:v>46371.357157260201</c:v>
                </c:pt>
                <c:pt idx="8147">
                  <c:v>46371.357157260201</c:v>
                </c:pt>
                <c:pt idx="8148">
                  <c:v>46371.357157260201</c:v>
                </c:pt>
                <c:pt idx="8149">
                  <c:v>46450.9350966278</c:v>
                </c:pt>
                <c:pt idx="8150">
                  <c:v>46450.9350966278</c:v>
                </c:pt>
                <c:pt idx="8151">
                  <c:v>47604.232899879302</c:v>
                </c:pt>
                <c:pt idx="8152">
                  <c:v>47604.232899879302</c:v>
                </c:pt>
                <c:pt idx="8153">
                  <c:v>48194.770504453198</c:v>
                </c:pt>
                <c:pt idx="8154">
                  <c:v>48311.488627550003</c:v>
                </c:pt>
                <c:pt idx="8155">
                  <c:v>48311.488627550003</c:v>
                </c:pt>
                <c:pt idx="8156">
                  <c:v>48311.488627550003</c:v>
                </c:pt>
                <c:pt idx="8157">
                  <c:v>48311.488627550003</c:v>
                </c:pt>
                <c:pt idx="8158">
                  <c:v>48311.488627550003</c:v>
                </c:pt>
                <c:pt idx="8159">
                  <c:v>49228.631413134703</c:v>
                </c:pt>
                <c:pt idx="8160">
                  <c:v>49228.631413134703</c:v>
                </c:pt>
                <c:pt idx="8161">
                  <c:v>49775.800734150202</c:v>
                </c:pt>
                <c:pt idx="8162">
                  <c:v>48542.095750311397</c:v>
                </c:pt>
                <c:pt idx="8163">
                  <c:v>48542.095750311397</c:v>
                </c:pt>
                <c:pt idx="8164">
                  <c:v>48612.290509393199</c:v>
                </c:pt>
                <c:pt idx="8165">
                  <c:v>48612.290509393199</c:v>
                </c:pt>
                <c:pt idx="8166">
                  <c:v>48612.290509393199</c:v>
                </c:pt>
                <c:pt idx="8167">
                  <c:v>48612.290509393199</c:v>
                </c:pt>
                <c:pt idx="8168">
                  <c:v>48612.290509393199</c:v>
                </c:pt>
                <c:pt idx="8169">
                  <c:v>48612.290509393199</c:v>
                </c:pt>
                <c:pt idx="8170">
                  <c:v>48495.572386296502</c:v>
                </c:pt>
                <c:pt idx="8171">
                  <c:v>48495.572386296502</c:v>
                </c:pt>
                <c:pt idx="8172">
                  <c:v>53338.0443216106</c:v>
                </c:pt>
                <c:pt idx="8173">
                  <c:v>53338.0443216106</c:v>
                </c:pt>
                <c:pt idx="8174">
                  <c:v>53338.0443216106</c:v>
                </c:pt>
                <c:pt idx="8175">
                  <c:v>54883.763896828801</c:v>
                </c:pt>
                <c:pt idx="8176">
                  <c:v>55524.851168928202</c:v>
                </c:pt>
                <c:pt idx="8177">
                  <c:v>56455.424873623997</c:v>
                </c:pt>
                <c:pt idx="8178">
                  <c:v>56455.424873623997</c:v>
                </c:pt>
                <c:pt idx="8179">
                  <c:v>56455.424873623997</c:v>
                </c:pt>
                <c:pt idx="8180">
                  <c:v>56455.424873623997</c:v>
                </c:pt>
                <c:pt idx="8181">
                  <c:v>56455.424873623997</c:v>
                </c:pt>
                <c:pt idx="8182">
                  <c:v>56455.424873623997</c:v>
                </c:pt>
                <c:pt idx="8183">
                  <c:v>57986.045109691302</c:v>
                </c:pt>
                <c:pt idx="8184">
                  <c:v>57986.045109691302</c:v>
                </c:pt>
                <c:pt idx="8185">
                  <c:v>60630.710602793799</c:v>
                </c:pt>
                <c:pt idx="8186">
                  <c:v>60630.710602793799</c:v>
                </c:pt>
                <c:pt idx="8187">
                  <c:v>60630.710602793799</c:v>
                </c:pt>
                <c:pt idx="8188">
                  <c:v>60840.557343460903</c:v>
                </c:pt>
                <c:pt idx="8189">
                  <c:v>60840.557343460903</c:v>
                </c:pt>
                <c:pt idx="8190">
                  <c:v>59070.5073309648</c:v>
                </c:pt>
                <c:pt idx="8191">
                  <c:v>59070.5073309648</c:v>
                </c:pt>
                <c:pt idx="8192">
                  <c:v>59070.5073309648</c:v>
                </c:pt>
                <c:pt idx="8193">
                  <c:v>59070.5073309648</c:v>
                </c:pt>
                <c:pt idx="8194">
                  <c:v>58963.038630654301</c:v>
                </c:pt>
                <c:pt idx="8195">
                  <c:v>59620.375784297903</c:v>
                </c:pt>
                <c:pt idx="8196">
                  <c:v>59620.375784297903</c:v>
                </c:pt>
                <c:pt idx="8197">
                  <c:v>60851.5234391466</c:v>
                </c:pt>
                <c:pt idx="8198">
                  <c:v>60851.5234391466</c:v>
                </c:pt>
                <c:pt idx="8199">
                  <c:v>59701.564097527204</c:v>
                </c:pt>
                <c:pt idx="8200">
                  <c:v>59701.564097527204</c:v>
                </c:pt>
                <c:pt idx="8201">
                  <c:v>62128.649301942001</c:v>
                </c:pt>
                <c:pt idx="8202">
                  <c:v>62128.649301942001</c:v>
                </c:pt>
                <c:pt idx="8203">
                  <c:v>62470.019220863498</c:v>
                </c:pt>
                <c:pt idx="8204">
                  <c:v>62098.158439398299</c:v>
                </c:pt>
                <c:pt idx="8205">
                  <c:v>61814.047663557103</c:v>
                </c:pt>
                <c:pt idx="8206">
                  <c:v>63053.631139828103</c:v>
                </c:pt>
                <c:pt idx="8207">
                  <c:v>64253.079249903101</c:v>
                </c:pt>
                <c:pt idx="8208">
                  <c:v>64693.579606868101</c:v>
                </c:pt>
                <c:pt idx="8209">
                  <c:v>65059.590559025797</c:v>
                </c:pt>
                <c:pt idx="8210">
                  <c:v>65939.218170018896</c:v>
                </c:pt>
                <c:pt idx="8211">
                  <c:v>66724.655784957606</c:v>
                </c:pt>
                <c:pt idx="8212">
                  <c:v>71707.142381204496</c:v>
                </c:pt>
                <c:pt idx="8213">
                  <c:v>71707.142381204496</c:v>
                </c:pt>
                <c:pt idx="8214">
                  <c:v>72098.056877948096</c:v>
                </c:pt>
                <c:pt idx="8215">
                  <c:v>72478.951894432495</c:v>
                </c:pt>
                <c:pt idx="8216">
                  <c:v>72478.951894432495</c:v>
                </c:pt>
                <c:pt idx="8217">
                  <c:v>72478.951894432495</c:v>
                </c:pt>
                <c:pt idx="8218">
                  <c:v>74094.845186279199</c:v>
                </c:pt>
                <c:pt idx="8219">
                  <c:v>74094.845186279199</c:v>
                </c:pt>
                <c:pt idx="8220">
                  <c:v>74094.845186279199</c:v>
                </c:pt>
                <c:pt idx="8221">
                  <c:v>74094.845186279199</c:v>
                </c:pt>
                <c:pt idx="8222">
                  <c:v>71638.222818741604</c:v>
                </c:pt>
                <c:pt idx="8223">
                  <c:v>71638.222818741604</c:v>
                </c:pt>
                <c:pt idx="8224">
                  <c:v>72739.825845855303</c:v>
                </c:pt>
                <c:pt idx="8225">
                  <c:v>72739.825845855303</c:v>
                </c:pt>
                <c:pt idx="8226">
                  <c:v>73096.375848075404</c:v>
                </c:pt>
                <c:pt idx="8227">
                  <c:v>75383.211620106798</c:v>
                </c:pt>
                <c:pt idx="8228">
                  <c:v>77166.960129789804</c:v>
                </c:pt>
                <c:pt idx="8229">
                  <c:v>79575.509203865004</c:v>
                </c:pt>
                <c:pt idx="8230">
                  <c:v>79575.509203865004</c:v>
                </c:pt>
                <c:pt idx="8231">
                  <c:v>82960.023265693104</c:v>
                </c:pt>
                <c:pt idx="8232">
                  <c:v>82960.023265693104</c:v>
                </c:pt>
                <c:pt idx="8233">
                  <c:v>82960.023265693104</c:v>
                </c:pt>
                <c:pt idx="8234">
                  <c:v>82960.023265693104</c:v>
                </c:pt>
                <c:pt idx="8235">
                  <c:v>82960.023265693104</c:v>
                </c:pt>
                <c:pt idx="8236">
                  <c:v>82192.819764298896</c:v>
                </c:pt>
                <c:pt idx="8237">
                  <c:v>84461.880809280105</c:v>
                </c:pt>
                <c:pt idx="8238">
                  <c:v>84461.880809280105</c:v>
                </c:pt>
                <c:pt idx="8239">
                  <c:v>85486.404345507995</c:v>
                </c:pt>
                <c:pt idx="8240">
                  <c:v>84368.842934015207</c:v>
                </c:pt>
                <c:pt idx="8241">
                  <c:v>84368.842934015207</c:v>
                </c:pt>
                <c:pt idx="8242">
                  <c:v>85027.958340980796</c:v>
                </c:pt>
                <c:pt idx="8243">
                  <c:v>86202.378070238497</c:v>
                </c:pt>
                <c:pt idx="8244">
                  <c:v>86515.063599456305</c:v>
                </c:pt>
                <c:pt idx="8245">
                  <c:v>87345.200147208307</c:v>
                </c:pt>
                <c:pt idx="8246">
                  <c:v>88506.244435627203</c:v>
                </c:pt>
                <c:pt idx="8247">
                  <c:v>88506.244435627203</c:v>
                </c:pt>
                <c:pt idx="8248">
                  <c:v>88506.244435627203</c:v>
                </c:pt>
                <c:pt idx="8249">
                  <c:v>89740.103485584303</c:v>
                </c:pt>
                <c:pt idx="8250">
                  <c:v>89740.103485584303</c:v>
                </c:pt>
                <c:pt idx="8251">
                  <c:v>89740.103485584303</c:v>
                </c:pt>
                <c:pt idx="8252">
                  <c:v>89740.103485584303</c:v>
                </c:pt>
                <c:pt idx="8253">
                  <c:v>89740.103485584303</c:v>
                </c:pt>
                <c:pt idx="8254">
                  <c:v>89740.103485584303</c:v>
                </c:pt>
                <c:pt idx="8255">
                  <c:v>90851.549616020406</c:v>
                </c:pt>
                <c:pt idx="8256">
                  <c:v>90851.549616020406</c:v>
                </c:pt>
                <c:pt idx="8257">
                  <c:v>92843.669278414003</c:v>
                </c:pt>
                <c:pt idx="8258">
                  <c:v>92843.669278414003</c:v>
                </c:pt>
                <c:pt idx="8259">
                  <c:v>94820.083049130903</c:v>
                </c:pt>
                <c:pt idx="8260">
                  <c:v>94820.083049130903</c:v>
                </c:pt>
                <c:pt idx="8261">
                  <c:v>94820.083049130903</c:v>
                </c:pt>
                <c:pt idx="8262">
                  <c:v>96068.241303493298</c:v>
                </c:pt>
                <c:pt idx="8263">
                  <c:v>96068.241303493298</c:v>
                </c:pt>
                <c:pt idx="8264">
                  <c:v>96068.241303493298</c:v>
                </c:pt>
                <c:pt idx="8265">
                  <c:v>96068.241303493298</c:v>
                </c:pt>
                <c:pt idx="8266">
                  <c:v>96068.241303493298</c:v>
                </c:pt>
                <c:pt idx="8267">
                  <c:v>97366.208797097395</c:v>
                </c:pt>
                <c:pt idx="8268">
                  <c:v>98416.847983092099</c:v>
                </c:pt>
                <c:pt idx="8269">
                  <c:v>93748.222521396397</c:v>
                </c:pt>
                <c:pt idx="8270">
                  <c:v>93748.222521396397</c:v>
                </c:pt>
                <c:pt idx="8271">
                  <c:v>97594.774357524206</c:v>
                </c:pt>
                <c:pt idx="8272">
                  <c:v>97594.774357524206</c:v>
                </c:pt>
                <c:pt idx="8273">
                  <c:v>97594.774357524206</c:v>
                </c:pt>
                <c:pt idx="8274">
                  <c:v>97594.774357524206</c:v>
                </c:pt>
                <c:pt idx="8275">
                  <c:v>97790.272639272502</c:v>
                </c:pt>
                <c:pt idx="8276">
                  <c:v>97790.272639272502</c:v>
                </c:pt>
                <c:pt idx="8277">
                  <c:v>97790.272639272502</c:v>
                </c:pt>
                <c:pt idx="8278">
                  <c:v>97790.272639272502</c:v>
                </c:pt>
                <c:pt idx="8279">
                  <c:v>97790.272639272502</c:v>
                </c:pt>
                <c:pt idx="8280">
                  <c:v>98184.724634458296</c:v>
                </c:pt>
                <c:pt idx="8281">
                  <c:v>98184.724634458296</c:v>
                </c:pt>
                <c:pt idx="8282">
                  <c:v>97944.657037278594</c:v>
                </c:pt>
                <c:pt idx="8283">
                  <c:v>97944.657037278594</c:v>
                </c:pt>
                <c:pt idx="8284">
                  <c:v>97944.657037278594</c:v>
                </c:pt>
                <c:pt idx="8285">
                  <c:v>97944.657037278594</c:v>
                </c:pt>
                <c:pt idx="8286">
                  <c:v>97944.657037278594</c:v>
                </c:pt>
                <c:pt idx="8287">
                  <c:v>98184.171173393304</c:v>
                </c:pt>
                <c:pt idx="8288">
                  <c:v>99139.7403966493</c:v>
                </c:pt>
                <c:pt idx="8289">
                  <c:v>99139.7403966493</c:v>
                </c:pt>
                <c:pt idx="8290">
                  <c:v>97263.874037067901</c:v>
                </c:pt>
                <c:pt idx="8291">
                  <c:v>97263.874037067901</c:v>
                </c:pt>
                <c:pt idx="8292">
                  <c:v>97263.874037067901</c:v>
                </c:pt>
                <c:pt idx="8293">
                  <c:v>97263.874037067901</c:v>
                </c:pt>
                <c:pt idx="8294">
                  <c:v>96777.338989458294</c:v>
                </c:pt>
                <c:pt idx="8295">
                  <c:v>96777.338989458294</c:v>
                </c:pt>
                <c:pt idx="8296">
                  <c:v>96964.011379970194</c:v>
                </c:pt>
                <c:pt idx="8297">
                  <c:v>102312.274021452</c:v>
                </c:pt>
                <c:pt idx="8298">
                  <c:v>102312.274021452</c:v>
                </c:pt>
                <c:pt idx="8299">
                  <c:v>102312.274021452</c:v>
                </c:pt>
                <c:pt idx="8300">
                  <c:v>102312.274021452</c:v>
                </c:pt>
                <c:pt idx="8301">
                  <c:v>102704.734592111</c:v>
                </c:pt>
                <c:pt idx="8302">
                  <c:v>102160.389951663</c:v>
                </c:pt>
                <c:pt idx="8303">
                  <c:v>102160.389951663</c:v>
                </c:pt>
                <c:pt idx="8304">
                  <c:v>102290.273097447</c:v>
                </c:pt>
                <c:pt idx="8305">
                  <c:v>102753.051797204</c:v>
                </c:pt>
                <c:pt idx="8306">
                  <c:v>102753.051797204</c:v>
                </c:pt>
                <c:pt idx="8307">
                  <c:v>102753.051797204</c:v>
                </c:pt>
                <c:pt idx="8308">
                  <c:v>102753.051797204</c:v>
                </c:pt>
                <c:pt idx="8309">
                  <c:v>102753.051797204</c:v>
                </c:pt>
                <c:pt idx="8310">
                  <c:v>102753.051797204</c:v>
                </c:pt>
                <c:pt idx="8311">
                  <c:v>102753.051797204</c:v>
                </c:pt>
                <c:pt idx="8312">
                  <c:v>102365.22187717</c:v>
                </c:pt>
                <c:pt idx="8313">
                  <c:v>103538.54897427199</c:v>
                </c:pt>
                <c:pt idx="8314">
                  <c:v>103538.54897427199</c:v>
                </c:pt>
                <c:pt idx="8315">
                  <c:v>103073.758427635</c:v>
                </c:pt>
                <c:pt idx="8316">
                  <c:v>111358.81758608601</c:v>
                </c:pt>
                <c:pt idx="8317">
                  <c:v>111358.81758608601</c:v>
                </c:pt>
                <c:pt idx="8318">
                  <c:v>111358.81758608601</c:v>
                </c:pt>
                <c:pt idx="8319">
                  <c:v>111358.81758608601</c:v>
                </c:pt>
                <c:pt idx="8320">
                  <c:v>111358.81758608601</c:v>
                </c:pt>
                <c:pt idx="8321">
                  <c:v>111358.81758608601</c:v>
                </c:pt>
                <c:pt idx="8322">
                  <c:v>111358.81758608601</c:v>
                </c:pt>
                <c:pt idx="8323">
                  <c:v>111280.344321214</c:v>
                </c:pt>
                <c:pt idx="8324">
                  <c:v>110703.011594738</c:v>
                </c:pt>
                <c:pt idx="8325">
                  <c:v>110703.011594738</c:v>
                </c:pt>
                <c:pt idx="8326">
                  <c:v>110703.011594738</c:v>
                </c:pt>
                <c:pt idx="8327">
                  <c:v>109505.381359406</c:v>
                </c:pt>
                <c:pt idx="8328">
                  <c:v>109505.381359406</c:v>
                </c:pt>
                <c:pt idx="8329">
                  <c:v>109505.381359406</c:v>
                </c:pt>
                <c:pt idx="8330">
                  <c:v>109899.084991489</c:v>
                </c:pt>
                <c:pt idx="8331">
                  <c:v>109899.084991489</c:v>
                </c:pt>
                <c:pt idx="8332">
                  <c:v>109899.084991489</c:v>
                </c:pt>
                <c:pt idx="8333">
                  <c:v>109899.084991489</c:v>
                </c:pt>
                <c:pt idx="8334">
                  <c:v>109899.084991489</c:v>
                </c:pt>
                <c:pt idx="8335">
                  <c:v>109899.084991489</c:v>
                </c:pt>
                <c:pt idx="8336">
                  <c:v>109899.084991489</c:v>
                </c:pt>
                <c:pt idx="8337">
                  <c:v>114650.64052403301</c:v>
                </c:pt>
                <c:pt idx="8338">
                  <c:v>116297.94292052901</c:v>
                </c:pt>
                <c:pt idx="8339">
                  <c:v>116297.94292052901</c:v>
                </c:pt>
                <c:pt idx="8340">
                  <c:v>116297.94292052901</c:v>
                </c:pt>
                <c:pt idx="8341">
                  <c:v>119669.96104971399</c:v>
                </c:pt>
                <c:pt idx="8342">
                  <c:v>119669.96104971399</c:v>
                </c:pt>
                <c:pt idx="8343">
                  <c:v>121107.54792333599</c:v>
                </c:pt>
                <c:pt idx="8344">
                  <c:v>121107.54792333599</c:v>
                </c:pt>
                <c:pt idx="8345">
                  <c:v>121107.54792333599</c:v>
                </c:pt>
                <c:pt idx="8346">
                  <c:v>121107.54792333599</c:v>
                </c:pt>
                <c:pt idx="8347">
                  <c:v>121107.54792333599</c:v>
                </c:pt>
                <c:pt idx="8348">
                  <c:v>122177.23795444801</c:v>
                </c:pt>
                <c:pt idx="8349">
                  <c:v>122177.23795444801</c:v>
                </c:pt>
                <c:pt idx="8350">
                  <c:v>122177.23795444801</c:v>
                </c:pt>
                <c:pt idx="8351">
                  <c:v>122177.23795444801</c:v>
                </c:pt>
                <c:pt idx="8352">
                  <c:v>122177.23795444801</c:v>
                </c:pt>
                <c:pt idx="8353">
                  <c:v>122177.23795444801</c:v>
                </c:pt>
                <c:pt idx="8354">
                  <c:v>122262.992484652</c:v>
                </c:pt>
                <c:pt idx="8355">
                  <c:v>122262.992484652</c:v>
                </c:pt>
                <c:pt idx="8356">
                  <c:v>122262.992484652</c:v>
                </c:pt>
                <c:pt idx="8357">
                  <c:v>122262.992484652</c:v>
                </c:pt>
                <c:pt idx="8358">
                  <c:v>122589.294657727</c:v>
                </c:pt>
                <c:pt idx="8359">
                  <c:v>122589.294657727</c:v>
                </c:pt>
                <c:pt idx="8360">
                  <c:v>122589.294657727</c:v>
                </c:pt>
                <c:pt idx="8361">
                  <c:v>122589.294657727</c:v>
                </c:pt>
                <c:pt idx="8362">
                  <c:v>122589.294657727</c:v>
                </c:pt>
                <c:pt idx="8363">
                  <c:v>122589.294657727</c:v>
                </c:pt>
                <c:pt idx="8364">
                  <c:v>122349.757136876</c:v>
                </c:pt>
                <c:pt idx="8365">
                  <c:v>122349.757136876</c:v>
                </c:pt>
                <c:pt idx="8366">
                  <c:v>122349.757136876</c:v>
                </c:pt>
                <c:pt idx="8367">
                  <c:v>122349.757136876</c:v>
                </c:pt>
                <c:pt idx="8368">
                  <c:v>123735.25804214401</c:v>
                </c:pt>
                <c:pt idx="8369">
                  <c:v>123735.25804214401</c:v>
                </c:pt>
                <c:pt idx="8370">
                  <c:v>123735.25804214401</c:v>
                </c:pt>
                <c:pt idx="8371">
                  <c:v>124555.461897057</c:v>
                </c:pt>
                <c:pt idx="8372">
                  <c:v>124555.461897057</c:v>
                </c:pt>
                <c:pt idx="8373">
                  <c:v>124555.461897057</c:v>
                </c:pt>
                <c:pt idx="8374">
                  <c:v>124555.461897057</c:v>
                </c:pt>
                <c:pt idx="8375">
                  <c:v>124555.461897057</c:v>
                </c:pt>
                <c:pt idx="8376">
                  <c:v>126813.050310577</c:v>
                </c:pt>
                <c:pt idx="8377">
                  <c:v>126813.050310577</c:v>
                </c:pt>
                <c:pt idx="8378">
                  <c:v>129203.197299696</c:v>
                </c:pt>
                <c:pt idx="8379">
                  <c:v>131837.209817964</c:v>
                </c:pt>
                <c:pt idx="8380">
                  <c:v>131837.209817964</c:v>
                </c:pt>
                <c:pt idx="8381">
                  <c:v>131837.209817964</c:v>
                </c:pt>
                <c:pt idx="8382">
                  <c:v>130747.974707872</c:v>
                </c:pt>
                <c:pt idx="8383">
                  <c:v>130747.974707872</c:v>
                </c:pt>
                <c:pt idx="8384">
                  <c:v>130945.84312192599</c:v>
                </c:pt>
                <c:pt idx="8385">
                  <c:v>130945.84312192599</c:v>
                </c:pt>
                <c:pt idx="8386">
                  <c:v>130945.84312192599</c:v>
                </c:pt>
                <c:pt idx="8387">
                  <c:v>130945.84312192599</c:v>
                </c:pt>
                <c:pt idx="8388">
                  <c:v>130945.84312192599</c:v>
                </c:pt>
                <c:pt idx="8389">
                  <c:v>133803.58649379</c:v>
                </c:pt>
                <c:pt idx="8390">
                  <c:v>133803.58649379</c:v>
                </c:pt>
                <c:pt idx="8391">
                  <c:v>133723.80111068799</c:v>
                </c:pt>
                <c:pt idx="8392">
                  <c:v>133723.80111068799</c:v>
                </c:pt>
                <c:pt idx="8393">
                  <c:v>135270.02779460099</c:v>
                </c:pt>
                <c:pt idx="8394">
                  <c:v>135587.56353289401</c:v>
                </c:pt>
                <c:pt idx="8395">
                  <c:v>135587.56353289401</c:v>
                </c:pt>
                <c:pt idx="8396">
                  <c:v>135587.56353289401</c:v>
                </c:pt>
                <c:pt idx="8397">
                  <c:v>135587.56353289401</c:v>
                </c:pt>
                <c:pt idx="8398">
                  <c:v>135587.56353289401</c:v>
                </c:pt>
                <c:pt idx="8399">
                  <c:v>135587.56353289401</c:v>
                </c:pt>
                <c:pt idx="8400">
                  <c:v>135587.56353289401</c:v>
                </c:pt>
                <c:pt idx="8401">
                  <c:v>135587.56353289401</c:v>
                </c:pt>
                <c:pt idx="8402">
                  <c:v>135587.56353289401</c:v>
                </c:pt>
                <c:pt idx="8403">
                  <c:v>135587.56353289401</c:v>
                </c:pt>
                <c:pt idx="8404">
                  <c:v>135664.910781866</c:v>
                </c:pt>
                <c:pt idx="8405">
                  <c:v>135664.910781866</c:v>
                </c:pt>
                <c:pt idx="8406">
                  <c:v>135664.910781866</c:v>
                </c:pt>
                <c:pt idx="8407">
                  <c:v>135664.910781866</c:v>
                </c:pt>
                <c:pt idx="8408">
                  <c:v>135664.910781866</c:v>
                </c:pt>
                <c:pt idx="8409">
                  <c:v>135664.910781866</c:v>
                </c:pt>
                <c:pt idx="8410">
                  <c:v>135664.910781866</c:v>
                </c:pt>
                <c:pt idx="8411">
                  <c:v>135664.910781866</c:v>
                </c:pt>
                <c:pt idx="8412">
                  <c:v>135664.910781866</c:v>
                </c:pt>
                <c:pt idx="8413">
                  <c:v>135664.910781866</c:v>
                </c:pt>
                <c:pt idx="8414">
                  <c:v>135664.910781866</c:v>
                </c:pt>
                <c:pt idx="8415">
                  <c:v>135664.910781866</c:v>
                </c:pt>
                <c:pt idx="8416">
                  <c:v>135664.910781866</c:v>
                </c:pt>
                <c:pt idx="8417">
                  <c:v>135664.910781866</c:v>
                </c:pt>
                <c:pt idx="8418">
                  <c:v>135176.23248923299</c:v>
                </c:pt>
                <c:pt idx="8419">
                  <c:v>135490.80306942601</c:v>
                </c:pt>
                <c:pt idx="8420">
                  <c:v>135490.80306942601</c:v>
                </c:pt>
                <c:pt idx="8421">
                  <c:v>135544.47871681399</c:v>
                </c:pt>
                <c:pt idx="8422">
                  <c:v>137246.06525138399</c:v>
                </c:pt>
                <c:pt idx="8423">
                  <c:v>136482.18040322699</c:v>
                </c:pt>
                <c:pt idx="8424">
                  <c:v>136482.18040322699</c:v>
                </c:pt>
                <c:pt idx="8425">
                  <c:v>139033.78461382</c:v>
                </c:pt>
                <c:pt idx="8426">
                  <c:v>139033.78461382</c:v>
                </c:pt>
                <c:pt idx="8427">
                  <c:v>139033.78461382</c:v>
                </c:pt>
                <c:pt idx="8428">
                  <c:v>139033.78461382</c:v>
                </c:pt>
                <c:pt idx="8429">
                  <c:v>139033.78461382</c:v>
                </c:pt>
                <c:pt idx="8430">
                  <c:v>139033.78461382</c:v>
                </c:pt>
                <c:pt idx="8431">
                  <c:v>139033.78461382</c:v>
                </c:pt>
                <c:pt idx="8432">
                  <c:v>139033.78461382</c:v>
                </c:pt>
                <c:pt idx="8433">
                  <c:v>139033.78461382</c:v>
                </c:pt>
                <c:pt idx="8434">
                  <c:v>139033.78461382</c:v>
                </c:pt>
                <c:pt idx="8435">
                  <c:v>139033.78461382</c:v>
                </c:pt>
                <c:pt idx="8436">
                  <c:v>139139.843526891</c:v>
                </c:pt>
                <c:pt idx="8437">
                  <c:v>138062.24049144899</c:v>
                </c:pt>
                <c:pt idx="8438">
                  <c:v>138062.24049144899</c:v>
                </c:pt>
                <c:pt idx="8439">
                  <c:v>138062.24049144899</c:v>
                </c:pt>
                <c:pt idx="8440">
                  <c:v>138062.24049144899</c:v>
                </c:pt>
                <c:pt idx="8441">
                  <c:v>138062.24049144899</c:v>
                </c:pt>
                <c:pt idx="8442">
                  <c:v>138062.24049144899</c:v>
                </c:pt>
                <c:pt idx="8443">
                  <c:v>137796.47515286799</c:v>
                </c:pt>
                <c:pt idx="8444">
                  <c:v>137796.47515286799</c:v>
                </c:pt>
                <c:pt idx="8445">
                  <c:v>137796.47515286799</c:v>
                </c:pt>
                <c:pt idx="8446">
                  <c:v>137796.47515286799</c:v>
                </c:pt>
                <c:pt idx="8447">
                  <c:v>141194.534636525</c:v>
                </c:pt>
                <c:pt idx="8448">
                  <c:v>141194.534636525</c:v>
                </c:pt>
                <c:pt idx="8449">
                  <c:v>141388.40992361901</c:v>
                </c:pt>
                <c:pt idx="8450">
                  <c:v>141388.40992361901</c:v>
                </c:pt>
                <c:pt idx="8451">
                  <c:v>141388.40992361901</c:v>
                </c:pt>
                <c:pt idx="8452">
                  <c:v>143042.71448660601</c:v>
                </c:pt>
                <c:pt idx="8453">
                  <c:v>143042.71448660601</c:v>
                </c:pt>
                <c:pt idx="8454">
                  <c:v>143042.71448660601</c:v>
                </c:pt>
                <c:pt idx="8455">
                  <c:v>143042.71448660601</c:v>
                </c:pt>
                <c:pt idx="8456">
                  <c:v>143042.71448660601</c:v>
                </c:pt>
                <c:pt idx="8457">
                  <c:v>142565.87044724799</c:v>
                </c:pt>
                <c:pt idx="8458">
                  <c:v>142565.87044724799</c:v>
                </c:pt>
                <c:pt idx="8459">
                  <c:v>142565.87044724799</c:v>
                </c:pt>
                <c:pt idx="8460">
                  <c:v>144212.077995406</c:v>
                </c:pt>
                <c:pt idx="8461">
                  <c:v>144212.077995406</c:v>
                </c:pt>
                <c:pt idx="8462">
                  <c:v>144212.077995406</c:v>
                </c:pt>
                <c:pt idx="8463">
                  <c:v>143841.69053833699</c:v>
                </c:pt>
                <c:pt idx="8464">
                  <c:v>143841.69053833699</c:v>
                </c:pt>
                <c:pt idx="8465">
                  <c:v>143841.69053833699</c:v>
                </c:pt>
                <c:pt idx="8466">
                  <c:v>144185.404309684</c:v>
                </c:pt>
                <c:pt idx="8467">
                  <c:v>144185.404309684</c:v>
                </c:pt>
                <c:pt idx="8468">
                  <c:v>144176.46419739301</c:v>
                </c:pt>
                <c:pt idx="8469">
                  <c:v>144176.46419739301</c:v>
                </c:pt>
                <c:pt idx="8470">
                  <c:v>144176.46419739301</c:v>
                </c:pt>
                <c:pt idx="8471">
                  <c:v>145627.39486619399</c:v>
                </c:pt>
                <c:pt idx="8472">
                  <c:v>145627.39486619399</c:v>
                </c:pt>
                <c:pt idx="8473">
                  <c:v>145627.39486619399</c:v>
                </c:pt>
                <c:pt idx="8474">
                  <c:v>145663.08964048</c:v>
                </c:pt>
                <c:pt idx="8475">
                  <c:v>145663.08964048</c:v>
                </c:pt>
                <c:pt idx="8476">
                  <c:v>146372.045093625</c:v>
                </c:pt>
                <c:pt idx="8477">
                  <c:v>146372.045093625</c:v>
                </c:pt>
                <c:pt idx="8478">
                  <c:v>146372.045093625</c:v>
                </c:pt>
                <c:pt idx="8479">
                  <c:v>147274.24327582101</c:v>
                </c:pt>
                <c:pt idx="8480">
                  <c:v>150578.254158442</c:v>
                </c:pt>
                <c:pt idx="8481">
                  <c:v>150578.254158442</c:v>
                </c:pt>
                <c:pt idx="8482">
                  <c:v>150578.254158442</c:v>
                </c:pt>
                <c:pt idx="8483">
                  <c:v>150578.254158442</c:v>
                </c:pt>
                <c:pt idx="8484">
                  <c:v>154005.89195942599</c:v>
                </c:pt>
                <c:pt idx="8485">
                  <c:v>154005.89195942599</c:v>
                </c:pt>
                <c:pt idx="8486">
                  <c:v>157495.28885686799</c:v>
                </c:pt>
                <c:pt idx="8487">
                  <c:v>156123.351935785</c:v>
                </c:pt>
                <c:pt idx="8488">
                  <c:v>155198.82448787399</c:v>
                </c:pt>
                <c:pt idx="8489">
                  <c:v>155198.82448787399</c:v>
                </c:pt>
                <c:pt idx="8490">
                  <c:v>155198.82448787399</c:v>
                </c:pt>
                <c:pt idx="8491">
                  <c:v>156859.088131066</c:v>
                </c:pt>
                <c:pt idx="8492">
                  <c:v>156859.088131066</c:v>
                </c:pt>
                <c:pt idx="8493">
                  <c:v>156859.088131066</c:v>
                </c:pt>
                <c:pt idx="8494">
                  <c:v>156859.088131066</c:v>
                </c:pt>
                <c:pt idx="8495">
                  <c:v>156859.088131066</c:v>
                </c:pt>
                <c:pt idx="8496">
                  <c:v>156859.088131066</c:v>
                </c:pt>
                <c:pt idx="8497">
                  <c:v>156859.088131066</c:v>
                </c:pt>
                <c:pt idx="8498">
                  <c:v>156998.59341656201</c:v>
                </c:pt>
                <c:pt idx="8499">
                  <c:v>158291.836192274</c:v>
                </c:pt>
                <c:pt idx="8500">
                  <c:v>159756.681300378</c:v>
                </c:pt>
                <c:pt idx="8501">
                  <c:v>159756.681300378</c:v>
                </c:pt>
                <c:pt idx="8502">
                  <c:v>159756.681300378</c:v>
                </c:pt>
                <c:pt idx="8503">
                  <c:v>156439.68400822999</c:v>
                </c:pt>
                <c:pt idx="8504">
                  <c:v>156103.14304815</c:v>
                </c:pt>
                <c:pt idx="8505">
                  <c:v>159971.363411103</c:v>
                </c:pt>
                <c:pt idx="8506">
                  <c:v>160510.308715311</c:v>
                </c:pt>
                <c:pt idx="8507">
                  <c:v>160510.308715311</c:v>
                </c:pt>
                <c:pt idx="8508">
                  <c:v>160510.308715311</c:v>
                </c:pt>
                <c:pt idx="8509">
                  <c:v>160510.308715311</c:v>
                </c:pt>
                <c:pt idx="8510">
                  <c:v>162531.171226504</c:v>
                </c:pt>
                <c:pt idx="8511">
                  <c:v>162531.171226504</c:v>
                </c:pt>
                <c:pt idx="8512">
                  <c:v>162531.171226504</c:v>
                </c:pt>
                <c:pt idx="8513">
                  <c:v>162531.171226504</c:v>
                </c:pt>
                <c:pt idx="8514">
                  <c:v>162531.171226504</c:v>
                </c:pt>
                <c:pt idx="8515">
                  <c:v>163090.51360744599</c:v>
                </c:pt>
                <c:pt idx="8516">
                  <c:v>163090.51360744599</c:v>
                </c:pt>
                <c:pt idx="8517">
                  <c:v>163746.032649303</c:v>
                </c:pt>
                <c:pt idx="8518">
                  <c:v>163746.032649303</c:v>
                </c:pt>
                <c:pt idx="8519">
                  <c:v>163746.032649303</c:v>
                </c:pt>
                <c:pt idx="8520">
                  <c:v>164497.51979517</c:v>
                </c:pt>
                <c:pt idx="8521">
                  <c:v>164497.51979517</c:v>
                </c:pt>
                <c:pt idx="8522">
                  <c:v>164497.51979517</c:v>
                </c:pt>
                <c:pt idx="8523">
                  <c:v>164497.51979517</c:v>
                </c:pt>
                <c:pt idx="8524">
                  <c:v>164497.51979517</c:v>
                </c:pt>
                <c:pt idx="8525">
                  <c:v>164497.51979517</c:v>
                </c:pt>
                <c:pt idx="8526">
                  <c:v>169809.854229358</c:v>
                </c:pt>
                <c:pt idx="8527">
                  <c:v>169809.854229358</c:v>
                </c:pt>
                <c:pt idx="8528">
                  <c:v>169741.077003604</c:v>
                </c:pt>
                <c:pt idx="8529">
                  <c:v>169741.077003604</c:v>
                </c:pt>
                <c:pt idx="8530">
                  <c:v>169741.077003604</c:v>
                </c:pt>
                <c:pt idx="8531">
                  <c:v>169741.077003604</c:v>
                </c:pt>
                <c:pt idx="8532">
                  <c:v>169741.077003604</c:v>
                </c:pt>
                <c:pt idx="8533">
                  <c:v>169741.077003604</c:v>
                </c:pt>
                <c:pt idx="8534">
                  <c:v>169741.077003604</c:v>
                </c:pt>
                <c:pt idx="8535">
                  <c:v>169741.077003604</c:v>
                </c:pt>
                <c:pt idx="8536">
                  <c:v>169550.54798959699</c:v>
                </c:pt>
                <c:pt idx="8537">
                  <c:v>169550.54798959699</c:v>
                </c:pt>
                <c:pt idx="8538">
                  <c:v>169550.54798959699</c:v>
                </c:pt>
                <c:pt idx="8539">
                  <c:v>169550.54798959699</c:v>
                </c:pt>
                <c:pt idx="8540">
                  <c:v>169550.54798959699</c:v>
                </c:pt>
                <c:pt idx="8541">
                  <c:v>169550.54798959699</c:v>
                </c:pt>
                <c:pt idx="8542">
                  <c:v>169550.54798959699</c:v>
                </c:pt>
                <c:pt idx="8543">
                  <c:v>167797.046570707</c:v>
                </c:pt>
                <c:pt idx="8544">
                  <c:v>167797.046570707</c:v>
                </c:pt>
                <c:pt idx="8545">
                  <c:v>167797.046570707</c:v>
                </c:pt>
                <c:pt idx="8546">
                  <c:v>168644.63084135501</c:v>
                </c:pt>
                <c:pt idx="8547">
                  <c:v>168644.63084135501</c:v>
                </c:pt>
                <c:pt idx="8548">
                  <c:v>166478.65439621001</c:v>
                </c:pt>
                <c:pt idx="8549">
                  <c:v>167713.39682005899</c:v>
                </c:pt>
                <c:pt idx="8550">
                  <c:v>167713.39682005899</c:v>
                </c:pt>
                <c:pt idx="8551">
                  <c:v>167713.39682005899</c:v>
                </c:pt>
                <c:pt idx="8552">
                  <c:v>167713.39682005899</c:v>
                </c:pt>
                <c:pt idx="8553">
                  <c:v>166555.49880117201</c:v>
                </c:pt>
                <c:pt idx="8554">
                  <c:v>166555.49880117201</c:v>
                </c:pt>
                <c:pt idx="8555">
                  <c:v>166555.49880117201</c:v>
                </c:pt>
                <c:pt idx="8556">
                  <c:v>166555.49880117201</c:v>
                </c:pt>
                <c:pt idx="8557">
                  <c:v>166555.49880117201</c:v>
                </c:pt>
                <c:pt idx="8558">
                  <c:v>166555.49880117201</c:v>
                </c:pt>
                <c:pt idx="8559">
                  <c:v>166555.49880117201</c:v>
                </c:pt>
                <c:pt idx="8560">
                  <c:v>166710.91698743301</c:v>
                </c:pt>
                <c:pt idx="8561">
                  <c:v>165221.424729989</c:v>
                </c:pt>
                <c:pt idx="8562">
                  <c:v>165221.424729989</c:v>
                </c:pt>
                <c:pt idx="8563">
                  <c:v>165221.424729989</c:v>
                </c:pt>
                <c:pt idx="8564">
                  <c:v>165221.424729989</c:v>
                </c:pt>
                <c:pt idx="8565">
                  <c:v>165766.771403441</c:v>
                </c:pt>
                <c:pt idx="8566">
                  <c:v>165766.771403441</c:v>
                </c:pt>
                <c:pt idx="8567">
                  <c:v>166379.484879422</c:v>
                </c:pt>
                <c:pt idx="8568">
                  <c:v>166878.70214002</c:v>
                </c:pt>
                <c:pt idx="8569">
                  <c:v>166878.70214002</c:v>
                </c:pt>
                <c:pt idx="8570">
                  <c:v>165452.472170161</c:v>
                </c:pt>
                <c:pt idx="8571">
                  <c:v>165452.472170161</c:v>
                </c:pt>
                <c:pt idx="8572">
                  <c:v>166110.76490305801</c:v>
                </c:pt>
                <c:pt idx="8573">
                  <c:v>166110.76490305801</c:v>
                </c:pt>
                <c:pt idx="8574">
                  <c:v>166775.66426106801</c:v>
                </c:pt>
                <c:pt idx="8575">
                  <c:v>167061.79703851999</c:v>
                </c:pt>
                <c:pt idx="8576">
                  <c:v>167061.79703851999</c:v>
                </c:pt>
                <c:pt idx="8577">
                  <c:v>167061.79703851999</c:v>
                </c:pt>
                <c:pt idx="8578">
                  <c:v>167061.79703851999</c:v>
                </c:pt>
                <c:pt idx="8579">
                  <c:v>164305.80539048201</c:v>
                </c:pt>
                <c:pt idx="8580">
                  <c:v>164305.80539048201</c:v>
                </c:pt>
                <c:pt idx="8581">
                  <c:v>164305.80539048201</c:v>
                </c:pt>
                <c:pt idx="8582">
                  <c:v>164718.91674096399</c:v>
                </c:pt>
                <c:pt idx="8583">
                  <c:v>164718.91674096399</c:v>
                </c:pt>
                <c:pt idx="8584">
                  <c:v>164718.91674096399</c:v>
                </c:pt>
                <c:pt idx="8585">
                  <c:v>164718.91674096399</c:v>
                </c:pt>
                <c:pt idx="8586">
                  <c:v>164159.576541029</c:v>
                </c:pt>
                <c:pt idx="8587">
                  <c:v>164824.52130124101</c:v>
                </c:pt>
                <c:pt idx="8588">
                  <c:v>164824.52130124101</c:v>
                </c:pt>
                <c:pt idx="8589">
                  <c:v>164824.52130124101</c:v>
                </c:pt>
                <c:pt idx="8590">
                  <c:v>164824.52130124101</c:v>
                </c:pt>
                <c:pt idx="8591">
                  <c:v>165045.24565112899</c:v>
                </c:pt>
                <c:pt idx="8592">
                  <c:v>165680.924274508</c:v>
                </c:pt>
                <c:pt idx="8593">
                  <c:v>165680.924274508</c:v>
                </c:pt>
                <c:pt idx="8594">
                  <c:v>164458.42952245701</c:v>
                </c:pt>
                <c:pt idx="8595">
                  <c:v>165369.20221678299</c:v>
                </c:pt>
                <c:pt idx="8596">
                  <c:v>165369.20221678299</c:v>
                </c:pt>
                <c:pt idx="8597">
                  <c:v>165369.20221678299</c:v>
                </c:pt>
                <c:pt idx="8598">
                  <c:v>165369.20221678299</c:v>
                </c:pt>
                <c:pt idx="8599">
                  <c:v>165369.20221678299</c:v>
                </c:pt>
                <c:pt idx="8600">
                  <c:v>165369.20221678299</c:v>
                </c:pt>
                <c:pt idx="8601">
                  <c:v>165048.59135151299</c:v>
                </c:pt>
                <c:pt idx="8602">
                  <c:v>165048.59135151299</c:v>
                </c:pt>
                <c:pt idx="8603">
                  <c:v>164318.76438162901</c:v>
                </c:pt>
                <c:pt idx="8604">
                  <c:v>167334.96660264101</c:v>
                </c:pt>
                <c:pt idx="8605">
                  <c:v>171560.890569282</c:v>
                </c:pt>
                <c:pt idx="8606">
                  <c:v>171560.890569282</c:v>
                </c:pt>
                <c:pt idx="8607">
                  <c:v>171560.890569282</c:v>
                </c:pt>
                <c:pt idx="8608">
                  <c:v>171560.890569282</c:v>
                </c:pt>
                <c:pt idx="8609">
                  <c:v>171560.890569282</c:v>
                </c:pt>
                <c:pt idx="8610">
                  <c:v>171560.890569282</c:v>
                </c:pt>
                <c:pt idx="8611">
                  <c:v>171560.890569282</c:v>
                </c:pt>
                <c:pt idx="8612">
                  <c:v>171560.890569282</c:v>
                </c:pt>
                <c:pt idx="8613">
                  <c:v>171560.890569282</c:v>
                </c:pt>
                <c:pt idx="8614">
                  <c:v>171560.890569282</c:v>
                </c:pt>
                <c:pt idx="8615">
                  <c:v>170775.940823963</c:v>
                </c:pt>
                <c:pt idx="8616">
                  <c:v>170775.940823963</c:v>
                </c:pt>
                <c:pt idx="8617">
                  <c:v>169442.35855751199</c:v>
                </c:pt>
                <c:pt idx="8618">
                  <c:v>170104.128741705</c:v>
                </c:pt>
                <c:pt idx="8619">
                  <c:v>170104.128741705</c:v>
                </c:pt>
                <c:pt idx="8620">
                  <c:v>170104.128741705</c:v>
                </c:pt>
                <c:pt idx="8621">
                  <c:v>170104.128741705</c:v>
                </c:pt>
                <c:pt idx="8622">
                  <c:v>170104.128741705</c:v>
                </c:pt>
                <c:pt idx="8623">
                  <c:v>170740.096650258</c:v>
                </c:pt>
                <c:pt idx="8624">
                  <c:v>170740.096650258</c:v>
                </c:pt>
                <c:pt idx="8625">
                  <c:v>171739.41358842899</c:v>
                </c:pt>
                <c:pt idx="8626">
                  <c:v>171739.41358842899</c:v>
                </c:pt>
                <c:pt idx="8627">
                  <c:v>171739.41358842899</c:v>
                </c:pt>
                <c:pt idx="8628">
                  <c:v>170805.70595986099</c:v>
                </c:pt>
                <c:pt idx="8629">
                  <c:v>170805.70595986099</c:v>
                </c:pt>
                <c:pt idx="8630">
                  <c:v>170805.70595986099</c:v>
                </c:pt>
                <c:pt idx="8631">
                  <c:v>170805.70595986099</c:v>
                </c:pt>
                <c:pt idx="8632">
                  <c:v>172417.38800651801</c:v>
                </c:pt>
                <c:pt idx="8633">
                  <c:v>172417.38800651801</c:v>
                </c:pt>
                <c:pt idx="8634">
                  <c:v>172417.38800651801</c:v>
                </c:pt>
                <c:pt idx="8635">
                  <c:v>172417.38800651801</c:v>
                </c:pt>
                <c:pt idx="8636">
                  <c:v>172417.38800651801</c:v>
                </c:pt>
                <c:pt idx="8637">
                  <c:v>172417.38800651801</c:v>
                </c:pt>
                <c:pt idx="8638">
                  <c:v>172174.44725818999</c:v>
                </c:pt>
                <c:pt idx="8639">
                  <c:v>172302.80237190699</c:v>
                </c:pt>
                <c:pt idx="8640">
                  <c:v>172580.592991896</c:v>
                </c:pt>
                <c:pt idx="8641">
                  <c:v>171006.620830378</c:v>
                </c:pt>
                <c:pt idx="8642">
                  <c:v>171006.620830378</c:v>
                </c:pt>
                <c:pt idx="8643">
                  <c:v>171006.620830378</c:v>
                </c:pt>
                <c:pt idx="8644">
                  <c:v>171006.620830378</c:v>
                </c:pt>
                <c:pt idx="8645">
                  <c:v>171618.97203786499</c:v>
                </c:pt>
                <c:pt idx="8646">
                  <c:v>171618.97203786499</c:v>
                </c:pt>
                <c:pt idx="8647">
                  <c:v>171618.97203786499</c:v>
                </c:pt>
                <c:pt idx="8648">
                  <c:v>171618.97203786499</c:v>
                </c:pt>
                <c:pt idx="8649">
                  <c:v>171618.97203786499</c:v>
                </c:pt>
                <c:pt idx="8650">
                  <c:v>171618.97203786499</c:v>
                </c:pt>
                <c:pt idx="8651">
                  <c:v>171618.97203786499</c:v>
                </c:pt>
                <c:pt idx="8652">
                  <c:v>171618.97203786499</c:v>
                </c:pt>
                <c:pt idx="8653">
                  <c:v>171533.11654409399</c:v>
                </c:pt>
                <c:pt idx="8654">
                  <c:v>171533.11654409399</c:v>
                </c:pt>
                <c:pt idx="8655">
                  <c:v>171230.15234217799</c:v>
                </c:pt>
                <c:pt idx="8656">
                  <c:v>171230.15234217799</c:v>
                </c:pt>
                <c:pt idx="8657">
                  <c:v>171230.15234217799</c:v>
                </c:pt>
                <c:pt idx="8658">
                  <c:v>171230.15234217799</c:v>
                </c:pt>
                <c:pt idx="8659">
                  <c:v>171230.15234217799</c:v>
                </c:pt>
                <c:pt idx="8660">
                  <c:v>171230.15234217799</c:v>
                </c:pt>
                <c:pt idx="8661">
                  <c:v>171101.56158602799</c:v>
                </c:pt>
                <c:pt idx="8662">
                  <c:v>171101.56158602799</c:v>
                </c:pt>
                <c:pt idx="8663">
                  <c:v>171101.56158602799</c:v>
                </c:pt>
                <c:pt idx="8664">
                  <c:v>171101.56158602799</c:v>
                </c:pt>
                <c:pt idx="8665">
                  <c:v>171477.92366996201</c:v>
                </c:pt>
                <c:pt idx="8666">
                  <c:v>171477.92366996201</c:v>
                </c:pt>
                <c:pt idx="8667">
                  <c:v>171477.92366996201</c:v>
                </c:pt>
                <c:pt idx="8668">
                  <c:v>171477.92366996201</c:v>
                </c:pt>
                <c:pt idx="8669">
                  <c:v>180107.00171084801</c:v>
                </c:pt>
                <c:pt idx="8670">
                  <c:v>180107.00171084801</c:v>
                </c:pt>
                <c:pt idx="8671">
                  <c:v>180107.00171084801</c:v>
                </c:pt>
                <c:pt idx="8672">
                  <c:v>180107.00171084801</c:v>
                </c:pt>
                <c:pt idx="8673">
                  <c:v>179314.65377477001</c:v>
                </c:pt>
                <c:pt idx="8674">
                  <c:v>179314.65377477001</c:v>
                </c:pt>
                <c:pt idx="8675">
                  <c:v>179314.65377477001</c:v>
                </c:pt>
                <c:pt idx="8676">
                  <c:v>179314.65377477001</c:v>
                </c:pt>
                <c:pt idx="8677">
                  <c:v>179314.65377477001</c:v>
                </c:pt>
                <c:pt idx="8678">
                  <c:v>179314.65377477001</c:v>
                </c:pt>
                <c:pt idx="8679">
                  <c:v>179314.65377477001</c:v>
                </c:pt>
                <c:pt idx="8680">
                  <c:v>179314.65377477001</c:v>
                </c:pt>
                <c:pt idx="8681">
                  <c:v>179294.11525525601</c:v>
                </c:pt>
                <c:pt idx="8682">
                  <c:v>179294.11525525601</c:v>
                </c:pt>
                <c:pt idx="8683">
                  <c:v>179294.11525525601</c:v>
                </c:pt>
                <c:pt idx="8684">
                  <c:v>179294.11525525601</c:v>
                </c:pt>
                <c:pt idx="8685">
                  <c:v>179294.11525525601</c:v>
                </c:pt>
                <c:pt idx="8686">
                  <c:v>179546.66557814099</c:v>
                </c:pt>
                <c:pt idx="8687">
                  <c:v>179546.66557814099</c:v>
                </c:pt>
                <c:pt idx="8688">
                  <c:v>179546.66557814099</c:v>
                </c:pt>
                <c:pt idx="8689">
                  <c:v>182036.815156133</c:v>
                </c:pt>
                <c:pt idx="8690">
                  <c:v>182036.815156133</c:v>
                </c:pt>
                <c:pt idx="8691">
                  <c:v>182329.414954073</c:v>
                </c:pt>
                <c:pt idx="8692">
                  <c:v>184885.675986549</c:v>
                </c:pt>
                <c:pt idx="8693">
                  <c:v>184944.48211366101</c:v>
                </c:pt>
                <c:pt idx="8694">
                  <c:v>186346.57795814099</c:v>
                </c:pt>
                <c:pt idx="8695">
                  <c:v>186346.57795814099</c:v>
                </c:pt>
                <c:pt idx="8696">
                  <c:v>186346.57795814099</c:v>
                </c:pt>
                <c:pt idx="8697">
                  <c:v>186346.57795814099</c:v>
                </c:pt>
                <c:pt idx="8698">
                  <c:v>186346.57795814099</c:v>
                </c:pt>
                <c:pt idx="8699">
                  <c:v>186346.57795814099</c:v>
                </c:pt>
                <c:pt idx="8700">
                  <c:v>186346.57795814099</c:v>
                </c:pt>
                <c:pt idx="8701">
                  <c:v>186346.57795814099</c:v>
                </c:pt>
                <c:pt idx="8702">
                  <c:v>188340.233253296</c:v>
                </c:pt>
                <c:pt idx="8703">
                  <c:v>188340.233253296</c:v>
                </c:pt>
                <c:pt idx="8704">
                  <c:v>188340.233253296</c:v>
                </c:pt>
                <c:pt idx="8705">
                  <c:v>188340.233253296</c:v>
                </c:pt>
                <c:pt idx="8706">
                  <c:v>188340.233253296</c:v>
                </c:pt>
                <c:pt idx="8707">
                  <c:v>188340.233253296</c:v>
                </c:pt>
                <c:pt idx="8708">
                  <c:v>188340.233253296</c:v>
                </c:pt>
                <c:pt idx="8709">
                  <c:v>190042.22890892299</c:v>
                </c:pt>
                <c:pt idx="8710">
                  <c:v>190042.22890892299</c:v>
                </c:pt>
                <c:pt idx="8711">
                  <c:v>190042.22890892299</c:v>
                </c:pt>
                <c:pt idx="8712">
                  <c:v>190042.22890892299</c:v>
                </c:pt>
                <c:pt idx="8713">
                  <c:v>190042.22890892299</c:v>
                </c:pt>
                <c:pt idx="8714">
                  <c:v>190042.22890892299</c:v>
                </c:pt>
                <c:pt idx="8715">
                  <c:v>190042.22890892299</c:v>
                </c:pt>
                <c:pt idx="8716">
                  <c:v>188654.34697637899</c:v>
                </c:pt>
                <c:pt idx="8717">
                  <c:v>188654.34697637899</c:v>
                </c:pt>
                <c:pt idx="8718">
                  <c:v>188663.58460993299</c:v>
                </c:pt>
                <c:pt idx="8719">
                  <c:v>188663.58460993299</c:v>
                </c:pt>
                <c:pt idx="8720">
                  <c:v>188663.58460993299</c:v>
                </c:pt>
                <c:pt idx="8721">
                  <c:v>189760.12985552501</c:v>
                </c:pt>
                <c:pt idx="8722">
                  <c:v>191991.83443367999</c:v>
                </c:pt>
                <c:pt idx="8723">
                  <c:v>191991.83443367999</c:v>
                </c:pt>
                <c:pt idx="8724">
                  <c:v>191991.83443367999</c:v>
                </c:pt>
                <c:pt idx="8725">
                  <c:v>191991.83443367999</c:v>
                </c:pt>
                <c:pt idx="8726">
                  <c:v>191991.83443367999</c:v>
                </c:pt>
                <c:pt idx="8727">
                  <c:v>191991.83443367999</c:v>
                </c:pt>
                <c:pt idx="8728">
                  <c:v>191991.83443367999</c:v>
                </c:pt>
                <c:pt idx="8729">
                  <c:v>191991.83443367999</c:v>
                </c:pt>
                <c:pt idx="8730">
                  <c:v>191991.83443367999</c:v>
                </c:pt>
                <c:pt idx="8731">
                  <c:v>191991.83443367999</c:v>
                </c:pt>
                <c:pt idx="8732">
                  <c:v>191991.83443367999</c:v>
                </c:pt>
                <c:pt idx="8733">
                  <c:v>191991.83443367999</c:v>
                </c:pt>
                <c:pt idx="8734">
                  <c:v>191991.83443367999</c:v>
                </c:pt>
                <c:pt idx="8735">
                  <c:v>191991.83443367999</c:v>
                </c:pt>
                <c:pt idx="8736">
                  <c:v>191991.83443367999</c:v>
                </c:pt>
                <c:pt idx="8737">
                  <c:v>191319.01484924601</c:v>
                </c:pt>
                <c:pt idx="8738">
                  <c:v>191319.01484924601</c:v>
                </c:pt>
                <c:pt idx="8739">
                  <c:v>191319.01484924601</c:v>
                </c:pt>
                <c:pt idx="8740">
                  <c:v>191319.01484924601</c:v>
                </c:pt>
                <c:pt idx="8741">
                  <c:v>191319.01484924601</c:v>
                </c:pt>
                <c:pt idx="8742">
                  <c:v>191319.01484924601</c:v>
                </c:pt>
                <c:pt idx="8743">
                  <c:v>191319.01484924601</c:v>
                </c:pt>
                <c:pt idx="8744">
                  <c:v>194646.392522576</c:v>
                </c:pt>
                <c:pt idx="8745">
                  <c:v>194646.392522576</c:v>
                </c:pt>
                <c:pt idx="8746">
                  <c:v>194646.392522576</c:v>
                </c:pt>
                <c:pt idx="8747">
                  <c:v>194646.392522576</c:v>
                </c:pt>
                <c:pt idx="8748">
                  <c:v>194646.392522576</c:v>
                </c:pt>
                <c:pt idx="8749">
                  <c:v>194646.392522576</c:v>
                </c:pt>
                <c:pt idx="8750">
                  <c:v>194646.392522576</c:v>
                </c:pt>
                <c:pt idx="8751">
                  <c:v>194889.40502834399</c:v>
                </c:pt>
                <c:pt idx="8752">
                  <c:v>194889.40502834399</c:v>
                </c:pt>
                <c:pt idx="8753">
                  <c:v>194889.40502834399</c:v>
                </c:pt>
                <c:pt idx="8754">
                  <c:v>194612.56957832901</c:v>
                </c:pt>
                <c:pt idx="8755">
                  <c:v>194612.56957832901</c:v>
                </c:pt>
                <c:pt idx="8756">
                  <c:v>194248.02710489201</c:v>
                </c:pt>
                <c:pt idx="8757">
                  <c:v>194248.02710489201</c:v>
                </c:pt>
                <c:pt idx="8758">
                  <c:v>194229.17898784301</c:v>
                </c:pt>
                <c:pt idx="8759">
                  <c:v>194144.79816682299</c:v>
                </c:pt>
                <c:pt idx="8760">
                  <c:v>194144.79816682299</c:v>
                </c:pt>
                <c:pt idx="8761">
                  <c:v>193977.144554328</c:v>
                </c:pt>
                <c:pt idx="8762">
                  <c:v>193977.144554328</c:v>
                </c:pt>
                <c:pt idx="8763">
                  <c:v>194249.28310015899</c:v>
                </c:pt>
                <c:pt idx="8764">
                  <c:v>194249.28310015899</c:v>
                </c:pt>
                <c:pt idx="8765">
                  <c:v>194249.28310015899</c:v>
                </c:pt>
                <c:pt idx="8766">
                  <c:v>194249.28310015899</c:v>
                </c:pt>
                <c:pt idx="8767">
                  <c:v>194249.28310015899</c:v>
                </c:pt>
                <c:pt idx="8768">
                  <c:v>194249.28310015899</c:v>
                </c:pt>
                <c:pt idx="8769">
                  <c:v>194976.12762733901</c:v>
                </c:pt>
                <c:pt idx="8770">
                  <c:v>194976.12762733901</c:v>
                </c:pt>
                <c:pt idx="8771">
                  <c:v>195155.81970620601</c:v>
                </c:pt>
                <c:pt idx="8772">
                  <c:v>195155.81970620601</c:v>
                </c:pt>
                <c:pt idx="8773">
                  <c:v>195155.81970620601</c:v>
                </c:pt>
                <c:pt idx="8774">
                  <c:v>195155.81970620601</c:v>
                </c:pt>
                <c:pt idx="8775">
                  <c:v>196210.362507176</c:v>
                </c:pt>
                <c:pt idx="8776">
                  <c:v>194974.07680187799</c:v>
                </c:pt>
                <c:pt idx="8777">
                  <c:v>194974.07680187799</c:v>
                </c:pt>
                <c:pt idx="8778">
                  <c:v>196198.37812469201</c:v>
                </c:pt>
                <c:pt idx="8779">
                  <c:v>196198.37812469201</c:v>
                </c:pt>
                <c:pt idx="8780">
                  <c:v>196198.37812469201</c:v>
                </c:pt>
                <c:pt idx="8781">
                  <c:v>198699.524817717</c:v>
                </c:pt>
                <c:pt idx="8782">
                  <c:v>200316.76760501799</c:v>
                </c:pt>
                <c:pt idx="8783">
                  <c:v>200316.76760501799</c:v>
                </c:pt>
                <c:pt idx="8784">
                  <c:v>200316.76760501799</c:v>
                </c:pt>
                <c:pt idx="8785">
                  <c:v>200316.76760501799</c:v>
                </c:pt>
                <c:pt idx="8786">
                  <c:v>200316.76760501799</c:v>
                </c:pt>
                <c:pt idx="8787">
                  <c:v>200316.76760501799</c:v>
                </c:pt>
                <c:pt idx="8788">
                  <c:v>200262.829466667</c:v>
                </c:pt>
                <c:pt idx="8789">
                  <c:v>200262.829466667</c:v>
                </c:pt>
                <c:pt idx="8790">
                  <c:v>200262.829466667</c:v>
                </c:pt>
                <c:pt idx="8791">
                  <c:v>204289.057008209</c:v>
                </c:pt>
                <c:pt idx="8792">
                  <c:v>204289.057008209</c:v>
                </c:pt>
                <c:pt idx="8793">
                  <c:v>204289.057008209</c:v>
                </c:pt>
                <c:pt idx="8794">
                  <c:v>204287.100903546</c:v>
                </c:pt>
                <c:pt idx="8795">
                  <c:v>204287.100903546</c:v>
                </c:pt>
                <c:pt idx="8796">
                  <c:v>204287.100903546</c:v>
                </c:pt>
                <c:pt idx="8797">
                  <c:v>204287.100903546</c:v>
                </c:pt>
                <c:pt idx="8798">
                  <c:v>204287.100903546</c:v>
                </c:pt>
                <c:pt idx="8799">
                  <c:v>204287.100903546</c:v>
                </c:pt>
                <c:pt idx="8800">
                  <c:v>203050.18599719901</c:v>
                </c:pt>
                <c:pt idx="8801">
                  <c:v>203050.18599719901</c:v>
                </c:pt>
                <c:pt idx="8802">
                  <c:v>203050.18599719901</c:v>
                </c:pt>
                <c:pt idx="8803">
                  <c:v>203984.23948397799</c:v>
                </c:pt>
                <c:pt idx="8804">
                  <c:v>204013.89758307999</c:v>
                </c:pt>
                <c:pt idx="8805">
                  <c:v>204119.46035984001</c:v>
                </c:pt>
                <c:pt idx="8806">
                  <c:v>204020.424563129</c:v>
                </c:pt>
                <c:pt idx="8807">
                  <c:v>204020.424563129</c:v>
                </c:pt>
                <c:pt idx="8808">
                  <c:v>207735.06367359901</c:v>
                </c:pt>
                <c:pt idx="8809">
                  <c:v>207930.252223677</c:v>
                </c:pt>
                <c:pt idx="8810">
                  <c:v>209863.368940835</c:v>
                </c:pt>
                <c:pt idx="8811">
                  <c:v>209863.368940835</c:v>
                </c:pt>
                <c:pt idx="8812">
                  <c:v>209863.368940835</c:v>
                </c:pt>
                <c:pt idx="8813">
                  <c:v>209863.368940835</c:v>
                </c:pt>
                <c:pt idx="8814">
                  <c:v>209751.66596079699</c:v>
                </c:pt>
                <c:pt idx="8815">
                  <c:v>209751.66596079699</c:v>
                </c:pt>
                <c:pt idx="8816">
                  <c:v>209751.66596079699</c:v>
                </c:pt>
                <c:pt idx="8817">
                  <c:v>209751.66596079699</c:v>
                </c:pt>
                <c:pt idx="8818">
                  <c:v>211297.89264470901</c:v>
                </c:pt>
                <c:pt idx="8819">
                  <c:v>211297.89264470901</c:v>
                </c:pt>
                <c:pt idx="8820">
                  <c:v>211961.27280306601</c:v>
                </c:pt>
                <c:pt idx="8821">
                  <c:v>211961.27280306601</c:v>
                </c:pt>
                <c:pt idx="8822">
                  <c:v>211961.27280306601</c:v>
                </c:pt>
                <c:pt idx="8823">
                  <c:v>211961.27280306601</c:v>
                </c:pt>
                <c:pt idx="8824">
                  <c:v>211961.27280306601</c:v>
                </c:pt>
                <c:pt idx="8825">
                  <c:v>211961.27280306601</c:v>
                </c:pt>
                <c:pt idx="8826">
                  <c:v>211961.27280306601</c:v>
                </c:pt>
                <c:pt idx="8827">
                  <c:v>211994.954910353</c:v>
                </c:pt>
                <c:pt idx="8828">
                  <c:v>211994.954910353</c:v>
                </c:pt>
                <c:pt idx="8829">
                  <c:v>212418.72278642599</c:v>
                </c:pt>
                <c:pt idx="8830">
                  <c:v>213795.71072706001</c:v>
                </c:pt>
                <c:pt idx="8831">
                  <c:v>214654.575314335</c:v>
                </c:pt>
                <c:pt idx="8832">
                  <c:v>214654.575314335</c:v>
                </c:pt>
                <c:pt idx="8833">
                  <c:v>214654.575314335</c:v>
                </c:pt>
                <c:pt idx="8834">
                  <c:v>213460.26018292201</c:v>
                </c:pt>
                <c:pt idx="8835">
                  <c:v>213460.26018292201</c:v>
                </c:pt>
                <c:pt idx="8836">
                  <c:v>213904.650769086</c:v>
                </c:pt>
                <c:pt idx="8837">
                  <c:v>214022.20763439999</c:v>
                </c:pt>
                <c:pt idx="8838">
                  <c:v>214374.17534705601</c:v>
                </c:pt>
                <c:pt idx="8839">
                  <c:v>214519.10902410501</c:v>
                </c:pt>
                <c:pt idx="8840">
                  <c:v>214519.10902410501</c:v>
                </c:pt>
                <c:pt idx="8841">
                  <c:v>214720.56314225099</c:v>
                </c:pt>
                <c:pt idx="8842">
                  <c:v>214720.56314225099</c:v>
                </c:pt>
                <c:pt idx="8843">
                  <c:v>214720.56314225099</c:v>
                </c:pt>
                <c:pt idx="8844">
                  <c:v>214720.56314225099</c:v>
                </c:pt>
                <c:pt idx="8845">
                  <c:v>214720.56314225099</c:v>
                </c:pt>
                <c:pt idx="8846">
                  <c:v>214720.56314225099</c:v>
                </c:pt>
                <c:pt idx="8847">
                  <c:v>214720.56314225099</c:v>
                </c:pt>
                <c:pt idx="8848">
                  <c:v>214720.56314225099</c:v>
                </c:pt>
                <c:pt idx="8849">
                  <c:v>214720.56314225099</c:v>
                </c:pt>
                <c:pt idx="8850">
                  <c:v>214251.66371424001</c:v>
                </c:pt>
                <c:pt idx="8851">
                  <c:v>214947.69219806601</c:v>
                </c:pt>
                <c:pt idx="8852">
                  <c:v>214947.69219806601</c:v>
                </c:pt>
                <c:pt idx="8853">
                  <c:v>214947.69219806601</c:v>
                </c:pt>
                <c:pt idx="8854">
                  <c:v>214947.69219806601</c:v>
                </c:pt>
                <c:pt idx="8855">
                  <c:v>216223.37245523999</c:v>
                </c:pt>
                <c:pt idx="8856">
                  <c:v>216223.37245523999</c:v>
                </c:pt>
                <c:pt idx="8857">
                  <c:v>217082.34426244101</c:v>
                </c:pt>
                <c:pt idx="8858">
                  <c:v>217082.34426244101</c:v>
                </c:pt>
                <c:pt idx="8859">
                  <c:v>217082.34426244101</c:v>
                </c:pt>
                <c:pt idx="8860">
                  <c:v>215898.25343121801</c:v>
                </c:pt>
                <c:pt idx="8861">
                  <c:v>215507.82055631001</c:v>
                </c:pt>
                <c:pt idx="8862">
                  <c:v>215507.82055631001</c:v>
                </c:pt>
                <c:pt idx="8863">
                  <c:v>215507.82055631001</c:v>
                </c:pt>
                <c:pt idx="8864">
                  <c:v>215507.82055631001</c:v>
                </c:pt>
                <c:pt idx="8865">
                  <c:v>215507.82055631001</c:v>
                </c:pt>
                <c:pt idx="8866">
                  <c:v>215507.82055631001</c:v>
                </c:pt>
                <c:pt idx="8867">
                  <c:v>215507.82055631001</c:v>
                </c:pt>
                <c:pt idx="8868">
                  <c:v>215507.82055631001</c:v>
                </c:pt>
                <c:pt idx="8869">
                  <c:v>215907.321148894</c:v>
                </c:pt>
                <c:pt idx="8870">
                  <c:v>216691.94266073499</c:v>
                </c:pt>
                <c:pt idx="8871">
                  <c:v>216691.94266073499</c:v>
                </c:pt>
                <c:pt idx="8872">
                  <c:v>216691.94266073499</c:v>
                </c:pt>
                <c:pt idx="8873">
                  <c:v>216629.01631319299</c:v>
                </c:pt>
                <c:pt idx="8874">
                  <c:v>216629.01631319299</c:v>
                </c:pt>
                <c:pt idx="8875">
                  <c:v>216737.774845715</c:v>
                </c:pt>
                <c:pt idx="8876">
                  <c:v>216737.774845715</c:v>
                </c:pt>
                <c:pt idx="8877">
                  <c:v>216704.09273842699</c:v>
                </c:pt>
                <c:pt idx="8878">
                  <c:v>216704.09273842699</c:v>
                </c:pt>
                <c:pt idx="8879">
                  <c:v>216704.09273842699</c:v>
                </c:pt>
                <c:pt idx="8880">
                  <c:v>216704.09273842699</c:v>
                </c:pt>
                <c:pt idx="8881">
                  <c:v>216704.09273842699</c:v>
                </c:pt>
                <c:pt idx="8882">
                  <c:v>216704.09273842699</c:v>
                </c:pt>
                <c:pt idx="8883">
                  <c:v>216704.09273842699</c:v>
                </c:pt>
                <c:pt idx="8884">
                  <c:v>216704.09273842699</c:v>
                </c:pt>
                <c:pt idx="8885">
                  <c:v>216704.09273842699</c:v>
                </c:pt>
                <c:pt idx="8886">
                  <c:v>218182.94496636599</c:v>
                </c:pt>
                <c:pt idx="8887">
                  <c:v>218182.94496636599</c:v>
                </c:pt>
                <c:pt idx="8888">
                  <c:v>218475.50598462901</c:v>
                </c:pt>
                <c:pt idx="8889">
                  <c:v>218982.06549528701</c:v>
                </c:pt>
                <c:pt idx="8890">
                  <c:v>218982.06549528701</c:v>
                </c:pt>
                <c:pt idx="8891">
                  <c:v>221094.883555596</c:v>
                </c:pt>
                <c:pt idx="8892">
                  <c:v>221094.883555596</c:v>
                </c:pt>
                <c:pt idx="8893">
                  <c:v>221094.883555596</c:v>
                </c:pt>
                <c:pt idx="8894">
                  <c:v>221094.883555596</c:v>
                </c:pt>
                <c:pt idx="8895">
                  <c:v>225701.759901251</c:v>
                </c:pt>
                <c:pt idx="8896">
                  <c:v>226171.39590786499</c:v>
                </c:pt>
                <c:pt idx="8897">
                  <c:v>226561.82878277299</c:v>
                </c:pt>
                <c:pt idx="8898">
                  <c:v>226561.82878277299</c:v>
                </c:pt>
                <c:pt idx="8899">
                  <c:v>226561.82878277299</c:v>
                </c:pt>
                <c:pt idx="8900">
                  <c:v>226561.82878277299</c:v>
                </c:pt>
                <c:pt idx="8901">
                  <c:v>226561.82878277299</c:v>
                </c:pt>
                <c:pt idx="8902">
                  <c:v>226561.82878277299</c:v>
                </c:pt>
                <c:pt idx="8903">
                  <c:v>226561.82878277299</c:v>
                </c:pt>
                <c:pt idx="8904">
                  <c:v>226195.197985406</c:v>
                </c:pt>
                <c:pt idx="8905">
                  <c:v>226195.197985406</c:v>
                </c:pt>
                <c:pt idx="8906">
                  <c:v>226195.197985406</c:v>
                </c:pt>
                <c:pt idx="8907">
                  <c:v>225880.62740521299</c:v>
                </c:pt>
                <c:pt idx="8908">
                  <c:v>226339.19822041399</c:v>
                </c:pt>
                <c:pt idx="8909">
                  <c:v>224893.62366332</c:v>
                </c:pt>
                <c:pt idx="8910">
                  <c:v>224893.62366332</c:v>
                </c:pt>
                <c:pt idx="8911">
                  <c:v>224402.817177196</c:v>
                </c:pt>
                <c:pt idx="8912">
                  <c:v>230198.63021062699</c:v>
                </c:pt>
                <c:pt idx="8913">
                  <c:v>230198.63021062699</c:v>
                </c:pt>
                <c:pt idx="8914">
                  <c:v>230198.63021062699</c:v>
                </c:pt>
                <c:pt idx="8915">
                  <c:v>230198.63021062699</c:v>
                </c:pt>
                <c:pt idx="8916">
                  <c:v>232152.17503260999</c:v>
                </c:pt>
                <c:pt idx="8917">
                  <c:v>232152.17503260999</c:v>
                </c:pt>
                <c:pt idx="8918">
                  <c:v>231789.60044238501</c:v>
                </c:pt>
                <c:pt idx="8919">
                  <c:v>231789.60044238501</c:v>
                </c:pt>
                <c:pt idx="8920">
                  <c:v>231789.60044238501</c:v>
                </c:pt>
                <c:pt idx="8921">
                  <c:v>231912.98206534301</c:v>
                </c:pt>
                <c:pt idx="8922">
                  <c:v>231912.98206534301</c:v>
                </c:pt>
                <c:pt idx="8923">
                  <c:v>231234.80377058199</c:v>
                </c:pt>
                <c:pt idx="8924">
                  <c:v>231234.80377058199</c:v>
                </c:pt>
                <c:pt idx="8925">
                  <c:v>232329.14023251701</c:v>
                </c:pt>
                <c:pt idx="8926">
                  <c:v>235684.97574149599</c:v>
                </c:pt>
                <c:pt idx="8927">
                  <c:v>235684.97574149599</c:v>
                </c:pt>
                <c:pt idx="8928">
                  <c:v>235684.97574149599</c:v>
                </c:pt>
                <c:pt idx="8929">
                  <c:v>235684.97574149599</c:v>
                </c:pt>
                <c:pt idx="8930">
                  <c:v>234880.25228246499</c:v>
                </c:pt>
                <c:pt idx="8931">
                  <c:v>234880.25228246499</c:v>
                </c:pt>
                <c:pt idx="8932">
                  <c:v>234880.25228246499</c:v>
                </c:pt>
                <c:pt idx="8933">
                  <c:v>234880.25228246499</c:v>
                </c:pt>
                <c:pt idx="8934">
                  <c:v>238045.896740686</c:v>
                </c:pt>
                <c:pt idx="8935">
                  <c:v>238045.896740686</c:v>
                </c:pt>
                <c:pt idx="8936">
                  <c:v>238045.896740686</c:v>
                </c:pt>
                <c:pt idx="8937">
                  <c:v>238045.896740686</c:v>
                </c:pt>
                <c:pt idx="8938">
                  <c:v>238045.896740686</c:v>
                </c:pt>
                <c:pt idx="8939">
                  <c:v>238045.896740686</c:v>
                </c:pt>
                <c:pt idx="8940">
                  <c:v>238045.896740686</c:v>
                </c:pt>
                <c:pt idx="8941">
                  <c:v>238045.896740686</c:v>
                </c:pt>
                <c:pt idx="8942">
                  <c:v>238045.896740686</c:v>
                </c:pt>
                <c:pt idx="8943">
                  <c:v>238045.896740686</c:v>
                </c:pt>
                <c:pt idx="8944">
                  <c:v>238045.896740686</c:v>
                </c:pt>
                <c:pt idx="8945">
                  <c:v>241186.310627917</c:v>
                </c:pt>
                <c:pt idx="8946">
                  <c:v>241186.310627917</c:v>
                </c:pt>
                <c:pt idx="8947">
                  <c:v>241186.310627917</c:v>
                </c:pt>
                <c:pt idx="8948">
                  <c:v>241186.310627917</c:v>
                </c:pt>
                <c:pt idx="8949">
                  <c:v>242493.78279384799</c:v>
                </c:pt>
                <c:pt idx="8950">
                  <c:v>242493.78279384799</c:v>
                </c:pt>
                <c:pt idx="8951">
                  <c:v>242493.78279384799</c:v>
                </c:pt>
                <c:pt idx="8952">
                  <c:v>242493.78279384799</c:v>
                </c:pt>
                <c:pt idx="8953">
                  <c:v>242493.78279384799</c:v>
                </c:pt>
                <c:pt idx="8954">
                  <c:v>242493.78279384799</c:v>
                </c:pt>
                <c:pt idx="8955">
                  <c:v>242715.00061876999</c:v>
                </c:pt>
                <c:pt idx="8956">
                  <c:v>242715.00061876999</c:v>
                </c:pt>
                <c:pt idx="8957">
                  <c:v>245000.79018813299</c:v>
                </c:pt>
                <c:pt idx="8958">
                  <c:v>245000.79018813299</c:v>
                </c:pt>
                <c:pt idx="8959">
                  <c:v>245000.79018813299</c:v>
                </c:pt>
                <c:pt idx="8960">
                  <c:v>245000.79018813299</c:v>
                </c:pt>
                <c:pt idx="8961">
                  <c:v>245000.79018813299</c:v>
                </c:pt>
                <c:pt idx="8962">
                  <c:v>245000.79018813299</c:v>
                </c:pt>
                <c:pt idx="8963">
                  <c:v>245000.79018813299</c:v>
                </c:pt>
                <c:pt idx="8964">
                  <c:v>245000.79018813299</c:v>
                </c:pt>
                <c:pt idx="8965">
                  <c:v>245000.79018813299</c:v>
                </c:pt>
                <c:pt idx="8966">
                  <c:v>244227.7918492</c:v>
                </c:pt>
                <c:pt idx="8967">
                  <c:v>244227.7918492</c:v>
                </c:pt>
                <c:pt idx="8968">
                  <c:v>244227.7918492</c:v>
                </c:pt>
                <c:pt idx="8969">
                  <c:v>244227.7918492</c:v>
                </c:pt>
                <c:pt idx="8970">
                  <c:v>244227.7918492</c:v>
                </c:pt>
                <c:pt idx="8971">
                  <c:v>244131.06660114601</c:v>
                </c:pt>
                <c:pt idx="8972">
                  <c:v>244131.06660114601</c:v>
                </c:pt>
                <c:pt idx="8973">
                  <c:v>244856.02881242899</c:v>
                </c:pt>
                <c:pt idx="8974">
                  <c:v>244856.02881242899</c:v>
                </c:pt>
                <c:pt idx="8975">
                  <c:v>244856.02881242899</c:v>
                </c:pt>
                <c:pt idx="8976">
                  <c:v>244856.02881242899</c:v>
                </c:pt>
                <c:pt idx="8977">
                  <c:v>244846.932588486</c:v>
                </c:pt>
                <c:pt idx="8978">
                  <c:v>244846.932588486</c:v>
                </c:pt>
                <c:pt idx="8979">
                  <c:v>244846.932588486</c:v>
                </c:pt>
                <c:pt idx="8980">
                  <c:v>244846.932588486</c:v>
                </c:pt>
                <c:pt idx="8981">
                  <c:v>244846.932588486</c:v>
                </c:pt>
                <c:pt idx="8982">
                  <c:v>244846.932588486</c:v>
                </c:pt>
                <c:pt idx="8983">
                  <c:v>245380.09729160799</c:v>
                </c:pt>
                <c:pt idx="8984">
                  <c:v>245899.57787048901</c:v>
                </c:pt>
                <c:pt idx="8985">
                  <c:v>245899.57787048901</c:v>
                </c:pt>
                <c:pt idx="8986">
                  <c:v>245899.57787048901</c:v>
                </c:pt>
                <c:pt idx="8987">
                  <c:v>245219.77846494701</c:v>
                </c:pt>
                <c:pt idx="8988">
                  <c:v>245219.77846494701</c:v>
                </c:pt>
                <c:pt idx="8989">
                  <c:v>244076.79902801101</c:v>
                </c:pt>
                <c:pt idx="8990">
                  <c:v>244076.79902801101</c:v>
                </c:pt>
                <c:pt idx="8991">
                  <c:v>243896.41220230699</c:v>
                </c:pt>
                <c:pt idx="8992">
                  <c:v>245302.86912479601</c:v>
                </c:pt>
                <c:pt idx="8993">
                  <c:v>245302.86912479601</c:v>
                </c:pt>
                <c:pt idx="8994">
                  <c:v>245302.86912479601</c:v>
                </c:pt>
                <c:pt idx="8995">
                  <c:v>245302.86912479601</c:v>
                </c:pt>
                <c:pt idx="8996">
                  <c:v>245302.86912479601</c:v>
                </c:pt>
                <c:pt idx="8997">
                  <c:v>245302.86912479601</c:v>
                </c:pt>
                <c:pt idx="8998">
                  <c:v>247084.33310001501</c:v>
                </c:pt>
                <c:pt idx="8999">
                  <c:v>247084.33310001501</c:v>
                </c:pt>
                <c:pt idx="9000">
                  <c:v>247084.33310001501</c:v>
                </c:pt>
                <c:pt idx="9001">
                  <c:v>248097.41885868699</c:v>
                </c:pt>
                <c:pt idx="9002">
                  <c:v>248097.41885868699</c:v>
                </c:pt>
                <c:pt idx="9003">
                  <c:v>248097.41885868699</c:v>
                </c:pt>
                <c:pt idx="9004">
                  <c:v>248097.41885868699</c:v>
                </c:pt>
                <c:pt idx="9005">
                  <c:v>248097.41885868699</c:v>
                </c:pt>
                <c:pt idx="9006">
                  <c:v>248097.41885868699</c:v>
                </c:pt>
                <c:pt idx="9007">
                  <c:v>247715.39135141901</c:v>
                </c:pt>
                <c:pt idx="9008">
                  <c:v>247715.39135141901</c:v>
                </c:pt>
                <c:pt idx="9009">
                  <c:v>247715.39135141901</c:v>
                </c:pt>
                <c:pt idx="9010">
                  <c:v>247715.39135141901</c:v>
                </c:pt>
                <c:pt idx="9011">
                  <c:v>248778.92370727999</c:v>
                </c:pt>
                <c:pt idx="9012">
                  <c:v>248778.92370727999</c:v>
                </c:pt>
                <c:pt idx="9013">
                  <c:v>248778.92370727999</c:v>
                </c:pt>
                <c:pt idx="9014">
                  <c:v>248778.92370727999</c:v>
                </c:pt>
                <c:pt idx="9015">
                  <c:v>248778.92370727999</c:v>
                </c:pt>
                <c:pt idx="9016">
                  <c:v>248778.92370727999</c:v>
                </c:pt>
                <c:pt idx="9017">
                  <c:v>248778.92370727999</c:v>
                </c:pt>
                <c:pt idx="9018">
                  <c:v>248778.92370727999</c:v>
                </c:pt>
                <c:pt idx="9019">
                  <c:v>248778.92370727999</c:v>
                </c:pt>
                <c:pt idx="9020">
                  <c:v>248778.92370727999</c:v>
                </c:pt>
                <c:pt idx="9021">
                  <c:v>248778.92370727999</c:v>
                </c:pt>
                <c:pt idx="9022">
                  <c:v>248778.92370727999</c:v>
                </c:pt>
                <c:pt idx="9023">
                  <c:v>248778.92370727999</c:v>
                </c:pt>
                <c:pt idx="9024">
                  <c:v>248778.92370727999</c:v>
                </c:pt>
                <c:pt idx="9025">
                  <c:v>248778.92370727999</c:v>
                </c:pt>
                <c:pt idx="9026">
                  <c:v>248778.92370727999</c:v>
                </c:pt>
                <c:pt idx="9027">
                  <c:v>248778.92370727999</c:v>
                </c:pt>
                <c:pt idx="9028">
                  <c:v>248799.12090923401</c:v>
                </c:pt>
                <c:pt idx="9029">
                  <c:v>248799.12090923401</c:v>
                </c:pt>
                <c:pt idx="9030">
                  <c:v>248799.12090923401</c:v>
                </c:pt>
                <c:pt idx="9031">
                  <c:v>248799.12090923401</c:v>
                </c:pt>
                <c:pt idx="9032">
                  <c:v>248799.12090923401</c:v>
                </c:pt>
                <c:pt idx="9033">
                  <c:v>248799.12090923401</c:v>
                </c:pt>
                <c:pt idx="9034">
                  <c:v>248799.12090923401</c:v>
                </c:pt>
                <c:pt idx="9035">
                  <c:v>249804.26048660299</c:v>
                </c:pt>
                <c:pt idx="9036">
                  <c:v>249804.26048660299</c:v>
                </c:pt>
                <c:pt idx="9037">
                  <c:v>249804.26048660299</c:v>
                </c:pt>
                <c:pt idx="9038">
                  <c:v>249804.26048660299</c:v>
                </c:pt>
                <c:pt idx="9039">
                  <c:v>249804.26048660299</c:v>
                </c:pt>
                <c:pt idx="9040">
                  <c:v>249804.26048660299</c:v>
                </c:pt>
                <c:pt idx="9041">
                  <c:v>249804.26048660299</c:v>
                </c:pt>
                <c:pt idx="9042">
                  <c:v>249804.26048660299</c:v>
                </c:pt>
                <c:pt idx="9043">
                  <c:v>249695.63684954599</c:v>
                </c:pt>
                <c:pt idx="9044">
                  <c:v>249695.63684954599</c:v>
                </c:pt>
                <c:pt idx="9045">
                  <c:v>249695.63684954599</c:v>
                </c:pt>
                <c:pt idx="9046">
                  <c:v>249695.63684954599</c:v>
                </c:pt>
                <c:pt idx="9047">
                  <c:v>249695.63684954599</c:v>
                </c:pt>
                <c:pt idx="9048">
                  <c:v>249695.63684954599</c:v>
                </c:pt>
                <c:pt idx="9049">
                  <c:v>249695.63684954599</c:v>
                </c:pt>
                <c:pt idx="9050">
                  <c:v>249695.63684954599</c:v>
                </c:pt>
                <c:pt idx="9051">
                  <c:v>249695.63684954599</c:v>
                </c:pt>
                <c:pt idx="9052">
                  <c:v>249695.63684954599</c:v>
                </c:pt>
                <c:pt idx="9053">
                  <c:v>249695.63684954599</c:v>
                </c:pt>
                <c:pt idx="9054">
                  <c:v>249695.63684954599</c:v>
                </c:pt>
                <c:pt idx="9055">
                  <c:v>249695.63684954599</c:v>
                </c:pt>
                <c:pt idx="9056">
                  <c:v>249695.63684954599</c:v>
                </c:pt>
                <c:pt idx="9057">
                  <c:v>249695.63684954599</c:v>
                </c:pt>
                <c:pt idx="9058">
                  <c:v>249914.50843244899</c:v>
                </c:pt>
                <c:pt idx="9059">
                  <c:v>249914.50843244899</c:v>
                </c:pt>
                <c:pt idx="9060">
                  <c:v>249914.50843244899</c:v>
                </c:pt>
                <c:pt idx="9061">
                  <c:v>249914.50843244899</c:v>
                </c:pt>
                <c:pt idx="9062">
                  <c:v>249914.50843244899</c:v>
                </c:pt>
                <c:pt idx="9063">
                  <c:v>249914.50843244899</c:v>
                </c:pt>
                <c:pt idx="9064">
                  <c:v>249914.50843244899</c:v>
                </c:pt>
                <c:pt idx="9065">
                  <c:v>250991.2415264</c:v>
                </c:pt>
                <c:pt idx="9066">
                  <c:v>250991.2415264</c:v>
                </c:pt>
                <c:pt idx="9067">
                  <c:v>250682.99213669699</c:v>
                </c:pt>
                <c:pt idx="9068">
                  <c:v>250682.99213669699</c:v>
                </c:pt>
                <c:pt idx="9069">
                  <c:v>251026.44460221799</c:v>
                </c:pt>
                <c:pt idx="9070">
                  <c:v>251026.44460221799</c:v>
                </c:pt>
                <c:pt idx="9071">
                  <c:v>251026.44460221799</c:v>
                </c:pt>
                <c:pt idx="9072">
                  <c:v>251026.44460221799</c:v>
                </c:pt>
                <c:pt idx="9073">
                  <c:v>251026.44460221799</c:v>
                </c:pt>
                <c:pt idx="9074">
                  <c:v>251026.44460221799</c:v>
                </c:pt>
                <c:pt idx="9075">
                  <c:v>254707.08905466099</c:v>
                </c:pt>
                <c:pt idx="9076">
                  <c:v>254707.08905466099</c:v>
                </c:pt>
                <c:pt idx="9077">
                  <c:v>254707.08905466099</c:v>
                </c:pt>
                <c:pt idx="9078">
                  <c:v>254707.08905466099</c:v>
                </c:pt>
                <c:pt idx="9079">
                  <c:v>254725.97915975301</c:v>
                </c:pt>
                <c:pt idx="9080">
                  <c:v>254725.97915975301</c:v>
                </c:pt>
                <c:pt idx="9081">
                  <c:v>253516.016164125</c:v>
                </c:pt>
                <c:pt idx="9082">
                  <c:v>253516.016164125</c:v>
                </c:pt>
                <c:pt idx="9083">
                  <c:v>253516.016164125</c:v>
                </c:pt>
                <c:pt idx="9084">
                  <c:v>253516.016164125</c:v>
                </c:pt>
                <c:pt idx="9085">
                  <c:v>253444.221221799</c:v>
                </c:pt>
                <c:pt idx="9086">
                  <c:v>253444.221221799</c:v>
                </c:pt>
                <c:pt idx="9087">
                  <c:v>253444.221221799</c:v>
                </c:pt>
                <c:pt idx="9088">
                  <c:v>253444.221221799</c:v>
                </c:pt>
                <c:pt idx="9089">
                  <c:v>253444.221221799</c:v>
                </c:pt>
                <c:pt idx="9090">
                  <c:v>253444.221221799</c:v>
                </c:pt>
                <c:pt idx="9091">
                  <c:v>253444.221221799</c:v>
                </c:pt>
                <c:pt idx="9092">
                  <c:v>255150.943396474</c:v>
                </c:pt>
                <c:pt idx="9093">
                  <c:v>255150.943396474</c:v>
                </c:pt>
                <c:pt idx="9094">
                  <c:v>255150.943396474</c:v>
                </c:pt>
                <c:pt idx="9095">
                  <c:v>254690.317243325</c:v>
                </c:pt>
                <c:pt idx="9096">
                  <c:v>254690.317243325</c:v>
                </c:pt>
                <c:pt idx="9097">
                  <c:v>254087.312455373</c:v>
                </c:pt>
                <c:pt idx="9098">
                  <c:v>254087.312455373</c:v>
                </c:pt>
                <c:pt idx="9099">
                  <c:v>254087.312455373</c:v>
                </c:pt>
                <c:pt idx="9100">
                  <c:v>253660.91945095599</c:v>
                </c:pt>
                <c:pt idx="9101">
                  <c:v>253660.91945095599</c:v>
                </c:pt>
                <c:pt idx="9102">
                  <c:v>253660.91945095599</c:v>
                </c:pt>
                <c:pt idx="9103">
                  <c:v>253923.796436117</c:v>
                </c:pt>
                <c:pt idx="9104">
                  <c:v>253923.796436117</c:v>
                </c:pt>
                <c:pt idx="9105">
                  <c:v>254588.49444316601</c:v>
                </c:pt>
                <c:pt idx="9106">
                  <c:v>254588.49444316601</c:v>
                </c:pt>
                <c:pt idx="9107">
                  <c:v>254588.49444316601</c:v>
                </c:pt>
                <c:pt idx="9108">
                  <c:v>254642.12846385801</c:v>
                </c:pt>
                <c:pt idx="9109">
                  <c:v>254822.51528956299</c:v>
                </c:pt>
                <c:pt idx="9110">
                  <c:v>254822.51528956299</c:v>
                </c:pt>
                <c:pt idx="9111">
                  <c:v>254292.275802558</c:v>
                </c:pt>
                <c:pt idx="9112">
                  <c:v>254292.275802558</c:v>
                </c:pt>
                <c:pt idx="9113">
                  <c:v>253805.961095915</c:v>
                </c:pt>
                <c:pt idx="9114">
                  <c:v>253805.961095915</c:v>
                </c:pt>
                <c:pt idx="9115">
                  <c:v>253805.961095915</c:v>
                </c:pt>
                <c:pt idx="9116">
                  <c:v>253006.02484587699</c:v>
                </c:pt>
                <c:pt idx="9117">
                  <c:v>252542.70105354799</c:v>
                </c:pt>
                <c:pt idx="9118">
                  <c:v>252542.70105354799</c:v>
                </c:pt>
                <c:pt idx="9119">
                  <c:v>252542.70105354799</c:v>
                </c:pt>
                <c:pt idx="9120">
                  <c:v>252542.70105354799</c:v>
                </c:pt>
                <c:pt idx="9121">
                  <c:v>254064.02882306001</c:v>
                </c:pt>
                <c:pt idx="9122">
                  <c:v>254064.02882306001</c:v>
                </c:pt>
                <c:pt idx="9123">
                  <c:v>254103.99349171101</c:v>
                </c:pt>
                <c:pt idx="9124">
                  <c:v>254098.36938977</c:v>
                </c:pt>
                <c:pt idx="9125">
                  <c:v>256050.87756938199</c:v>
                </c:pt>
                <c:pt idx="9126">
                  <c:v>256050.87756938199</c:v>
                </c:pt>
                <c:pt idx="9127">
                  <c:v>256050.87756938199</c:v>
                </c:pt>
                <c:pt idx="9128">
                  <c:v>255984.13773103899</c:v>
                </c:pt>
                <c:pt idx="9129">
                  <c:v>255984.13773103899</c:v>
                </c:pt>
                <c:pt idx="9130">
                  <c:v>256526.648448291</c:v>
                </c:pt>
                <c:pt idx="9131">
                  <c:v>257527.88138760801</c:v>
                </c:pt>
                <c:pt idx="9132">
                  <c:v>257527.88138760801</c:v>
                </c:pt>
                <c:pt idx="9133">
                  <c:v>260889.96819116201</c:v>
                </c:pt>
                <c:pt idx="9134">
                  <c:v>262541.51930938702</c:v>
                </c:pt>
                <c:pt idx="9135">
                  <c:v>262541.51930938702</c:v>
                </c:pt>
                <c:pt idx="9136">
                  <c:v>262541.51930938702</c:v>
                </c:pt>
                <c:pt idx="9137">
                  <c:v>262541.51930938702</c:v>
                </c:pt>
                <c:pt idx="9138">
                  <c:v>262541.51930938702</c:v>
                </c:pt>
                <c:pt idx="9139">
                  <c:v>264021.46000927</c:v>
                </c:pt>
                <c:pt idx="9140">
                  <c:v>264076.273150869</c:v>
                </c:pt>
                <c:pt idx="9141">
                  <c:v>264076.273150869</c:v>
                </c:pt>
                <c:pt idx="9142">
                  <c:v>264076.273150869</c:v>
                </c:pt>
                <c:pt idx="9143">
                  <c:v>264076.273150869</c:v>
                </c:pt>
                <c:pt idx="9144">
                  <c:v>264076.273150869</c:v>
                </c:pt>
                <c:pt idx="9145">
                  <c:v>264076.273150869</c:v>
                </c:pt>
                <c:pt idx="9146">
                  <c:v>264076.273150869</c:v>
                </c:pt>
                <c:pt idx="9147">
                  <c:v>264076.273150869</c:v>
                </c:pt>
                <c:pt idx="9148">
                  <c:v>264076.273150869</c:v>
                </c:pt>
                <c:pt idx="9149">
                  <c:v>264076.273150869</c:v>
                </c:pt>
                <c:pt idx="9150">
                  <c:v>264076.273150869</c:v>
                </c:pt>
                <c:pt idx="9151">
                  <c:v>266009.42706479301</c:v>
                </c:pt>
                <c:pt idx="9152">
                  <c:v>266009.42706479301</c:v>
                </c:pt>
                <c:pt idx="9153">
                  <c:v>266245.12996113102</c:v>
                </c:pt>
                <c:pt idx="9154">
                  <c:v>266245.12996113102</c:v>
                </c:pt>
                <c:pt idx="9155">
                  <c:v>266245.12996113102</c:v>
                </c:pt>
                <c:pt idx="9156">
                  <c:v>266245.12996113102</c:v>
                </c:pt>
                <c:pt idx="9157">
                  <c:v>266919.03872048599</c:v>
                </c:pt>
                <c:pt idx="9158">
                  <c:v>266919.03872048599</c:v>
                </c:pt>
                <c:pt idx="9159">
                  <c:v>266831.16046793398</c:v>
                </c:pt>
                <c:pt idx="9160">
                  <c:v>266831.16046793398</c:v>
                </c:pt>
                <c:pt idx="9161">
                  <c:v>266831.16046793398</c:v>
                </c:pt>
                <c:pt idx="9162">
                  <c:v>266831.16046793398</c:v>
                </c:pt>
                <c:pt idx="9163">
                  <c:v>266831.16046793398</c:v>
                </c:pt>
                <c:pt idx="9164">
                  <c:v>266831.16046793398</c:v>
                </c:pt>
                <c:pt idx="9165">
                  <c:v>266935.65768149699</c:v>
                </c:pt>
                <c:pt idx="9166">
                  <c:v>268557.68592947099</c:v>
                </c:pt>
                <c:pt idx="9167">
                  <c:v>268557.68592947099</c:v>
                </c:pt>
                <c:pt idx="9168">
                  <c:v>268557.68592947099</c:v>
                </c:pt>
                <c:pt idx="9169">
                  <c:v>268557.68592947099</c:v>
                </c:pt>
                <c:pt idx="9170">
                  <c:v>268557.68592947099</c:v>
                </c:pt>
                <c:pt idx="9171">
                  <c:v>268557.68592947099</c:v>
                </c:pt>
                <c:pt idx="9172">
                  <c:v>268557.68592947099</c:v>
                </c:pt>
                <c:pt idx="9173">
                  <c:v>269499.24843289301</c:v>
                </c:pt>
                <c:pt idx="9174">
                  <c:v>269499.24843289301</c:v>
                </c:pt>
                <c:pt idx="9175">
                  <c:v>269499.24843289301</c:v>
                </c:pt>
                <c:pt idx="9176">
                  <c:v>269832.90628976899</c:v>
                </c:pt>
                <c:pt idx="9177">
                  <c:v>269433.06724050199</c:v>
                </c:pt>
                <c:pt idx="9178">
                  <c:v>269433.06724050199</c:v>
                </c:pt>
                <c:pt idx="9179">
                  <c:v>269433.06724050199</c:v>
                </c:pt>
                <c:pt idx="9180">
                  <c:v>269433.06724050199</c:v>
                </c:pt>
                <c:pt idx="9181">
                  <c:v>270526.93886995001</c:v>
                </c:pt>
                <c:pt idx="9182">
                  <c:v>270526.93886995001</c:v>
                </c:pt>
                <c:pt idx="9183">
                  <c:v>275482.6443016</c:v>
                </c:pt>
                <c:pt idx="9184">
                  <c:v>275482.6443016</c:v>
                </c:pt>
                <c:pt idx="9185">
                  <c:v>275618.18847400497</c:v>
                </c:pt>
                <c:pt idx="9186">
                  <c:v>275415.74955216201</c:v>
                </c:pt>
                <c:pt idx="9187">
                  <c:v>275415.74955216201</c:v>
                </c:pt>
                <c:pt idx="9188">
                  <c:v>275415.74955216201</c:v>
                </c:pt>
                <c:pt idx="9189">
                  <c:v>275415.74955216201</c:v>
                </c:pt>
                <c:pt idx="9190">
                  <c:v>275855.28156636999</c:v>
                </c:pt>
                <c:pt idx="9191">
                  <c:v>275855.28156636999</c:v>
                </c:pt>
                <c:pt idx="9192">
                  <c:v>275855.28156636999</c:v>
                </c:pt>
                <c:pt idx="9193">
                  <c:v>275855.28156636999</c:v>
                </c:pt>
                <c:pt idx="9194">
                  <c:v>275855.28156636999</c:v>
                </c:pt>
                <c:pt idx="9195">
                  <c:v>274917.17996427999</c:v>
                </c:pt>
                <c:pt idx="9196">
                  <c:v>274917.17996427999</c:v>
                </c:pt>
                <c:pt idx="9197">
                  <c:v>274917.17996427999</c:v>
                </c:pt>
                <c:pt idx="9198">
                  <c:v>274917.17996427999</c:v>
                </c:pt>
                <c:pt idx="9199">
                  <c:v>274917.17996427999</c:v>
                </c:pt>
                <c:pt idx="9200">
                  <c:v>274917.17996427999</c:v>
                </c:pt>
                <c:pt idx="9201">
                  <c:v>274917.17996427999</c:v>
                </c:pt>
                <c:pt idx="9202">
                  <c:v>274917.17996427999</c:v>
                </c:pt>
                <c:pt idx="9203">
                  <c:v>275506.766088075</c:v>
                </c:pt>
                <c:pt idx="9204">
                  <c:v>275506.766088075</c:v>
                </c:pt>
                <c:pt idx="9205">
                  <c:v>275506.766088075</c:v>
                </c:pt>
                <c:pt idx="9206">
                  <c:v>279605.15743122902</c:v>
                </c:pt>
                <c:pt idx="9207">
                  <c:v>279605.15743122902</c:v>
                </c:pt>
                <c:pt idx="9208">
                  <c:v>279605.15743122902</c:v>
                </c:pt>
                <c:pt idx="9209">
                  <c:v>279605.15743122902</c:v>
                </c:pt>
                <c:pt idx="9210">
                  <c:v>279599.07973854197</c:v>
                </c:pt>
                <c:pt idx="9211">
                  <c:v>279599.07973854197</c:v>
                </c:pt>
                <c:pt idx="9212">
                  <c:v>279599.07973854197</c:v>
                </c:pt>
                <c:pt idx="9213">
                  <c:v>279599.07973854197</c:v>
                </c:pt>
                <c:pt idx="9214">
                  <c:v>279599.07973854197</c:v>
                </c:pt>
                <c:pt idx="9215">
                  <c:v>279516.96405115898</c:v>
                </c:pt>
                <c:pt idx="9216">
                  <c:v>279516.96405115898</c:v>
                </c:pt>
                <c:pt idx="9217">
                  <c:v>279516.96405115898</c:v>
                </c:pt>
                <c:pt idx="9218">
                  <c:v>279516.96405115898</c:v>
                </c:pt>
                <c:pt idx="9219">
                  <c:v>279516.96405115898</c:v>
                </c:pt>
                <c:pt idx="9220">
                  <c:v>279738.98210889299</c:v>
                </c:pt>
                <c:pt idx="9221">
                  <c:v>279738.98210889299</c:v>
                </c:pt>
                <c:pt idx="9222">
                  <c:v>281973.23613746802</c:v>
                </c:pt>
                <c:pt idx="9223">
                  <c:v>281973.23613746802</c:v>
                </c:pt>
                <c:pt idx="9224">
                  <c:v>281973.23613746802</c:v>
                </c:pt>
                <c:pt idx="9225">
                  <c:v>281973.23613746802</c:v>
                </c:pt>
                <c:pt idx="9226">
                  <c:v>281973.23613746802</c:v>
                </c:pt>
                <c:pt idx="9227">
                  <c:v>281973.23613746802</c:v>
                </c:pt>
                <c:pt idx="9228">
                  <c:v>281973.23613746802</c:v>
                </c:pt>
                <c:pt idx="9229">
                  <c:v>281973.23613746802</c:v>
                </c:pt>
                <c:pt idx="9230">
                  <c:v>283159.70347758703</c:v>
                </c:pt>
                <c:pt idx="9231">
                  <c:v>283159.70347758703</c:v>
                </c:pt>
                <c:pt idx="9232">
                  <c:v>283159.70347758703</c:v>
                </c:pt>
                <c:pt idx="9233">
                  <c:v>283159.70347758703</c:v>
                </c:pt>
                <c:pt idx="9234">
                  <c:v>282978.56987157802</c:v>
                </c:pt>
                <c:pt idx="9235">
                  <c:v>282978.56987157802</c:v>
                </c:pt>
                <c:pt idx="9236">
                  <c:v>282978.56987157802</c:v>
                </c:pt>
                <c:pt idx="9237">
                  <c:v>284907.82413005998</c:v>
                </c:pt>
                <c:pt idx="9238">
                  <c:v>284907.82413005998</c:v>
                </c:pt>
                <c:pt idx="9239">
                  <c:v>285082.35631212202</c:v>
                </c:pt>
                <c:pt idx="9240">
                  <c:v>285082.35631212202</c:v>
                </c:pt>
                <c:pt idx="9241">
                  <c:v>285082.35631212202</c:v>
                </c:pt>
                <c:pt idx="9242">
                  <c:v>285082.35631212202</c:v>
                </c:pt>
                <c:pt idx="9243">
                  <c:v>285082.35631212202</c:v>
                </c:pt>
                <c:pt idx="9244">
                  <c:v>285082.35631212202</c:v>
                </c:pt>
                <c:pt idx="9245">
                  <c:v>285082.35631212202</c:v>
                </c:pt>
                <c:pt idx="9246">
                  <c:v>285082.35631212202</c:v>
                </c:pt>
                <c:pt idx="9247">
                  <c:v>286064.45309144002</c:v>
                </c:pt>
                <c:pt idx="9248">
                  <c:v>286064.45309144002</c:v>
                </c:pt>
                <c:pt idx="9249">
                  <c:v>285618.02278990799</c:v>
                </c:pt>
                <c:pt idx="9250">
                  <c:v>285618.02278990799</c:v>
                </c:pt>
                <c:pt idx="9251">
                  <c:v>285618.02278990799</c:v>
                </c:pt>
                <c:pt idx="9252">
                  <c:v>285618.02278990799</c:v>
                </c:pt>
                <c:pt idx="9253">
                  <c:v>285618.02278990799</c:v>
                </c:pt>
                <c:pt idx="9254">
                  <c:v>285822.26853078499</c:v>
                </c:pt>
                <c:pt idx="9255">
                  <c:v>285822.26853078499</c:v>
                </c:pt>
                <c:pt idx="9256">
                  <c:v>288312.41810877703</c:v>
                </c:pt>
                <c:pt idx="9257">
                  <c:v>288312.41810877703</c:v>
                </c:pt>
                <c:pt idx="9258">
                  <c:v>288312.41810877703</c:v>
                </c:pt>
                <c:pt idx="9259">
                  <c:v>288312.41810877703</c:v>
                </c:pt>
                <c:pt idx="9260">
                  <c:v>288868.319691966</c:v>
                </c:pt>
                <c:pt idx="9261">
                  <c:v>288868.319691966</c:v>
                </c:pt>
                <c:pt idx="9262">
                  <c:v>288868.319691966</c:v>
                </c:pt>
                <c:pt idx="9263">
                  <c:v>288868.319691966</c:v>
                </c:pt>
                <c:pt idx="9264">
                  <c:v>288868.319691966</c:v>
                </c:pt>
                <c:pt idx="9265">
                  <c:v>288868.319691966</c:v>
                </c:pt>
                <c:pt idx="9266">
                  <c:v>288868.319691966</c:v>
                </c:pt>
                <c:pt idx="9267">
                  <c:v>288868.319691966</c:v>
                </c:pt>
                <c:pt idx="9268">
                  <c:v>288868.319691966</c:v>
                </c:pt>
                <c:pt idx="9269">
                  <c:v>288868.319691966</c:v>
                </c:pt>
                <c:pt idx="9270">
                  <c:v>288868.319691966</c:v>
                </c:pt>
                <c:pt idx="9271">
                  <c:v>288868.319691966</c:v>
                </c:pt>
                <c:pt idx="9272">
                  <c:v>288868.319691966</c:v>
                </c:pt>
                <c:pt idx="9273">
                  <c:v>288868.319691966</c:v>
                </c:pt>
                <c:pt idx="9274">
                  <c:v>288868.319691966</c:v>
                </c:pt>
                <c:pt idx="9275">
                  <c:v>288868.319691966</c:v>
                </c:pt>
                <c:pt idx="9276">
                  <c:v>288868.319691966</c:v>
                </c:pt>
                <c:pt idx="9277">
                  <c:v>288868.319691966</c:v>
                </c:pt>
                <c:pt idx="9278">
                  <c:v>288868.319691966</c:v>
                </c:pt>
                <c:pt idx="9279">
                  <c:v>288989.35256749199</c:v>
                </c:pt>
                <c:pt idx="9280">
                  <c:v>288989.35256749199</c:v>
                </c:pt>
                <c:pt idx="9281">
                  <c:v>288989.35256749199</c:v>
                </c:pt>
                <c:pt idx="9282">
                  <c:v>288989.35256749199</c:v>
                </c:pt>
                <c:pt idx="9283">
                  <c:v>288989.35256749199</c:v>
                </c:pt>
                <c:pt idx="9284">
                  <c:v>288989.35256749199</c:v>
                </c:pt>
                <c:pt idx="9285">
                  <c:v>288989.35256749199</c:v>
                </c:pt>
                <c:pt idx="9286">
                  <c:v>288989.35256749199</c:v>
                </c:pt>
                <c:pt idx="9287">
                  <c:v>288989.35256749199</c:v>
                </c:pt>
                <c:pt idx="9288">
                  <c:v>288989.35256749199</c:v>
                </c:pt>
                <c:pt idx="9289">
                  <c:v>288989.35256749199</c:v>
                </c:pt>
                <c:pt idx="9290">
                  <c:v>288099.98195369</c:v>
                </c:pt>
                <c:pt idx="9291">
                  <c:v>288099.98195369</c:v>
                </c:pt>
                <c:pt idx="9292">
                  <c:v>288099.98195369</c:v>
                </c:pt>
                <c:pt idx="9293">
                  <c:v>288099.98195369</c:v>
                </c:pt>
                <c:pt idx="9294">
                  <c:v>288099.98195369</c:v>
                </c:pt>
                <c:pt idx="9295">
                  <c:v>288099.98195369</c:v>
                </c:pt>
                <c:pt idx="9296">
                  <c:v>288099.98195369</c:v>
                </c:pt>
                <c:pt idx="9297">
                  <c:v>288099.98195369</c:v>
                </c:pt>
                <c:pt idx="9298">
                  <c:v>288099.98195369</c:v>
                </c:pt>
                <c:pt idx="9299">
                  <c:v>288099.98195369</c:v>
                </c:pt>
                <c:pt idx="9300">
                  <c:v>288099.98195369</c:v>
                </c:pt>
                <c:pt idx="9301">
                  <c:v>288099.98195369</c:v>
                </c:pt>
                <c:pt idx="9302">
                  <c:v>288099.98195369</c:v>
                </c:pt>
                <c:pt idx="9303">
                  <c:v>288319.192846152</c:v>
                </c:pt>
                <c:pt idx="9304">
                  <c:v>288319.192846152</c:v>
                </c:pt>
                <c:pt idx="9305">
                  <c:v>288319.192846152</c:v>
                </c:pt>
                <c:pt idx="9306">
                  <c:v>288319.192846152</c:v>
                </c:pt>
                <c:pt idx="9307">
                  <c:v>288319.192846152</c:v>
                </c:pt>
                <c:pt idx="9308">
                  <c:v>288599.21541002602</c:v>
                </c:pt>
                <c:pt idx="9309">
                  <c:v>288599.21541002602</c:v>
                </c:pt>
                <c:pt idx="9310">
                  <c:v>288599.21541002602</c:v>
                </c:pt>
                <c:pt idx="9311">
                  <c:v>288599.21541002602</c:v>
                </c:pt>
                <c:pt idx="9312">
                  <c:v>288599.21541002602</c:v>
                </c:pt>
                <c:pt idx="9313">
                  <c:v>288764.88514191401</c:v>
                </c:pt>
                <c:pt idx="9314">
                  <c:v>290329.02766160102</c:v>
                </c:pt>
                <c:pt idx="9315">
                  <c:v>290329.02766160102</c:v>
                </c:pt>
                <c:pt idx="9316">
                  <c:v>290329.02766160102</c:v>
                </c:pt>
                <c:pt idx="9317">
                  <c:v>290329.02766160102</c:v>
                </c:pt>
                <c:pt idx="9318">
                  <c:v>290329.02766160102</c:v>
                </c:pt>
                <c:pt idx="9319">
                  <c:v>290329.02766160102</c:v>
                </c:pt>
                <c:pt idx="9320">
                  <c:v>290329.02766160102</c:v>
                </c:pt>
                <c:pt idx="9321">
                  <c:v>290329.02766160102</c:v>
                </c:pt>
                <c:pt idx="9322">
                  <c:v>290329.02766160102</c:v>
                </c:pt>
                <c:pt idx="9323">
                  <c:v>290329.02766160102</c:v>
                </c:pt>
                <c:pt idx="9324">
                  <c:v>290329.02766160102</c:v>
                </c:pt>
                <c:pt idx="9325">
                  <c:v>290329.02766160102</c:v>
                </c:pt>
                <c:pt idx="9326">
                  <c:v>290114.152191017</c:v>
                </c:pt>
                <c:pt idx="9327">
                  <c:v>290114.152191017</c:v>
                </c:pt>
                <c:pt idx="9328">
                  <c:v>290114.152191017</c:v>
                </c:pt>
                <c:pt idx="9329">
                  <c:v>290114.152191017</c:v>
                </c:pt>
                <c:pt idx="9330">
                  <c:v>290602.72216266103</c:v>
                </c:pt>
                <c:pt idx="9331">
                  <c:v>291384.31027040002</c:v>
                </c:pt>
                <c:pt idx="9332">
                  <c:v>291384.31027040002</c:v>
                </c:pt>
                <c:pt idx="9333">
                  <c:v>291384.31027040002</c:v>
                </c:pt>
                <c:pt idx="9334">
                  <c:v>291760.47084185103</c:v>
                </c:pt>
                <c:pt idx="9335">
                  <c:v>291760.47084185103</c:v>
                </c:pt>
                <c:pt idx="9336">
                  <c:v>292112.644240472</c:v>
                </c:pt>
                <c:pt idx="9337">
                  <c:v>294513.93688566203</c:v>
                </c:pt>
                <c:pt idx="9338">
                  <c:v>301991.54581467097</c:v>
                </c:pt>
                <c:pt idx="9339">
                  <c:v>301991.54581467097</c:v>
                </c:pt>
                <c:pt idx="9340">
                  <c:v>302083.00235540001</c:v>
                </c:pt>
                <c:pt idx="9341">
                  <c:v>302083.00235540001</c:v>
                </c:pt>
                <c:pt idx="9342">
                  <c:v>302083.00235540001</c:v>
                </c:pt>
                <c:pt idx="9343">
                  <c:v>301444.167738933</c:v>
                </c:pt>
                <c:pt idx="9344">
                  <c:v>301444.167738933</c:v>
                </c:pt>
                <c:pt idx="9345">
                  <c:v>301444.167738933</c:v>
                </c:pt>
                <c:pt idx="9346">
                  <c:v>304270.95544534398</c:v>
                </c:pt>
                <c:pt idx="9347">
                  <c:v>304270.95544534398</c:v>
                </c:pt>
                <c:pt idx="9348">
                  <c:v>304270.95544534398</c:v>
                </c:pt>
                <c:pt idx="9349">
                  <c:v>304270.95544534398</c:v>
                </c:pt>
                <c:pt idx="9350">
                  <c:v>303503.81025438203</c:v>
                </c:pt>
                <c:pt idx="9351">
                  <c:v>306337.37218110502</c:v>
                </c:pt>
                <c:pt idx="9352">
                  <c:v>306337.37218110502</c:v>
                </c:pt>
                <c:pt idx="9353">
                  <c:v>306337.37218110502</c:v>
                </c:pt>
                <c:pt idx="9354">
                  <c:v>306337.37218110502</c:v>
                </c:pt>
                <c:pt idx="9355">
                  <c:v>306337.37218110502</c:v>
                </c:pt>
                <c:pt idx="9356">
                  <c:v>305554.06139600498</c:v>
                </c:pt>
                <c:pt idx="9357">
                  <c:v>305554.06139600498</c:v>
                </c:pt>
                <c:pt idx="9358">
                  <c:v>305554.06139600498</c:v>
                </c:pt>
                <c:pt idx="9359">
                  <c:v>305554.06139600498</c:v>
                </c:pt>
                <c:pt idx="9360">
                  <c:v>305554.06139600498</c:v>
                </c:pt>
                <c:pt idx="9361">
                  <c:v>305554.06139600498</c:v>
                </c:pt>
                <c:pt idx="9362">
                  <c:v>305547.80673707998</c:v>
                </c:pt>
                <c:pt idx="9363">
                  <c:v>305547.80673707998</c:v>
                </c:pt>
                <c:pt idx="9364">
                  <c:v>305584.17116215097</c:v>
                </c:pt>
                <c:pt idx="9365">
                  <c:v>305567.21088787902</c:v>
                </c:pt>
                <c:pt idx="9366">
                  <c:v>305567.21088787902</c:v>
                </c:pt>
                <c:pt idx="9367">
                  <c:v>306114.458818238</c:v>
                </c:pt>
                <c:pt idx="9368">
                  <c:v>306114.458818238</c:v>
                </c:pt>
                <c:pt idx="9369">
                  <c:v>306114.458818238</c:v>
                </c:pt>
                <c:pt idx="9370">
                  <c:v>306114.458818238</c:v>
                </c:pt>
                <c:pt idx="9371">
                  <c:v>306114.458818238</c:v>
                </c:pt>
                <c:pt idx="9372">
                  <c:v>306114.458818238</c:v>
                </c:pt>
                <c:pt idx="9373">
                  <c:v>306114.458818238</c:v>
                </c:pt>
                <c:pt idx="9374">
                  <c:v>306114.458818238</c:v>
                </c:pt>
                <c:pt idx="9375">
                  <c:v>305831.70959977701</c:v>
                </c:pt>
                <c:pt idx="9376">
                  <c:v>305831.70959977701</c:v>
                </c:pt>
                <c:pt idx="9377">
                  <c:v>305831.70959977701</c:v>
                </c:pt>
                <c:pt idx="9378">
                  <c:v>305831.70959977701</c:v>
                </c:pt>
                <c:pt idx="9379">
                  <c:v>307471.05001062597</c:v>
                </c:pt>
                <c:pt idx="9380">
                  <c:v>308681.21079267201</c:v>
                </c:pt>
                <c:pt idx="9381">
                  <c:v>308681.21079267201</c:v>
                </c:pt>
                <c:pt idx="9382">
                  <c:v>308681.21079267201</c:v>
                </c:pt>
                <c:pt idx="9383">
                  <c:v>308681.21079267201</c:v>
                </c:pt>
                <c:pt idx="9384">
                  <c:v>310181.38700949098</c:v>
                </c:pt>
                <c:pt idx="9385">
                  <c:v>310181.38700949098</c:v>
                </c:pt>
                <c:pt idx="9386">
                  <c:v>310181.38700949098</c:v>
                </c:pt>
                <c:pt idx="9387">
                  <c:v>310181.38700949098</c:v>
                </c:pt>
                <c:pt idx="9388">
                  <c:v>310181.38700949098</c:v>
                </c:pt>
                <c:pt idx="9389">
                  <c:v>310181.38700949098</c:v>
                </c:pt>
                <c:pt idx="9390">
                  <c:v>310181.38700949098</c:v>
                </c:pt>
                <c:pt idx="9391">
                  <c:v>310637.53721151699</c:v>
                </c:pt>
                <c:pt idx="9392">
                  <c:v>310637.53721151699</c:v>
                </c:pt>
                <c:pt idx="9393">
                  <c:v>310637.53721151699</c:v>
                </c:pt>
                <c:pt idx="9394">
                  <c:v>312870.82095287897</c:v>
                </c:pt>
                <c:pt idx="9395">
                  <c:v>312870.82095287897</c:v>
                </c:pt>
                <c:pt idx="9396">
                  <c:v>312870.82095287897</c:v>
                </c:pt>
                <c:pt idx="9397">
                  <c:v>312870.82095287897</c:v>
                </c:pt>
                <c:pt idx="9398">
                  <c:v>312870.82095287897</c:v>
                </c:pt>
                <c:pt idx="9399">
                  <c:v>313140.26839396899</c:v>
                </c:pt>
                <c:pt idx="9400">
                  <c:v>313140.26839396899</c:v>
                </c:pt>
                <c:pt idx="9401">
                  <c:v>313502.10572321201</c:v>
                </c:pt>
                <c:pt idx="9402">
                  <c:v>314374.03701116302</c:v>
                </c:pt>
                <c:pt idx="9403">
                  <c:v>314374.03701116302</c:v>
                </c:pt>
                <c:pt idx="9404">
                  <c:v>314374.03701116302</c:v>
                </c:pt>
                <c:pt idx="9405">
                  <c:v>314374.03701116302</c:v>
                </c:pt>
                <c:pt idx="9406">
                  <c:v>314374.03701116302</c:v>
                </c:pt>
                <c:pt idx="9407">
                  <c:v>314374.03701116302</c:v>
                </c:pt>
                <c:pt idx="9408">
                  <c:v>314374.03701116302</c:v>
                </c:pt>
                <c:pt idx="9409">
                  <c:v>315557.52728540398</c:v>
                </c:pt>
                <c:pt idx="9410">
                  <c:v>315557.52728540398</c:v>
                </c:pt>
                <c:pt idx="9411">
                  <c:v>315557.52728540398</c:v>
                </c:pt>
                <c:pt idx="9412">
                  <c:v>315557.52728540398</c:v>
                </c:pt>
                <c:pt idx="9413">
                  <c:v>315557.52728540398</c:v>
                </c:pt>
                <c:pt idx="9414">
                  <c:v>315557.52728540398</c:v>
                </c:pt>
                <c:pt idx="9415">
                  <c:v>315557.52728540398</c:v>
                </c:pt>
                <c:pt idx="9416">
                  <c:v>315557.52728540398</c:v>
                </c:pt>
                <c:pt idx="9417">
                  <c:v>315557.52728540398</c:v>
                </c:pt>
                <c:pt idx="9418">
                  <c:v>315557.52728540398</c:v>
                </c:pt>
                <c:pt idx="9419">
                  <c:v>315557.52728540398</c:v>
                </c:pt>
                <c:pt idx="9420">
                  <c:v>315390.76048956299</c:v>
                </c:pt>
                <c:pt idx="9421">
                  <c:v>315390.76048956299</c:v>
                </c:pt>
                <c:pt idx="9422">
                  <c:v>315390.76048956299</c:v>
                </c:pt>
                <c:pt idx="9423">
                  <c:v>315390.76048956299</c:v>
                </c:pt>
                <c:pt idx="9424">
                  <c:v>315390.76048956299</c:v>
                </c:pt>
                <c:pt idx="9425">
                  <c:v>315390.76048956299</c:v>
                </c:pt>
                <c:pt idx="9426">
                  <c:v>315390.76048956299</c:v>
                </c:pt>
                <c:pt idx="9427">
                  <c:v>315390.76048956299</c:v>
                </c:pt>
                <c:pt idx="9428">
                  <c:v>315390.76048956299</c:v>
                </c:pt>
                <c:pt idx="9429">
                  <c:v>315717.32705429499</c:v>
                </c:pt>
                <c:pt idx="9430">
                  <c:v>315717.32705429499</c:v>
                </c:pt>
                <c:pt idx="9431">
                  <c:v>315717.32705429499</c:v>
                </c:pt>
                <c:pt idx="9432">
                  <c:v>315717.32705429499</c:v>
                </c:pt>
                <c:pt idx="9433">
                  <c:v>315717.32705429499</c:v>
                </c:pt>
                <c:pt idx="9434">
                  <c:v>315717.32705429499</c:v>
                </c:pt>
                <c:pt idx="9435">
                  <c:v>314884.86027817603</c:v>
                </c:pt>
                <c:pt idx="9436">
                  <c:v>314884.86027817603</c:v>
                </c:pt>
                <c:pt idx="9437">
                  <c:v>314884.86027817603</c:v>
                </c:pt>
                <c:pt idx="9438">
                  <c:v>314884.86027817603</c:v>
                </c:pt>
                <c:pt idx="9439">
                  <c:v>314884.86027817603</c:v>
                </c:pt>
                <c:pt idx="9440">
                  <c:v>315377.68454253901</c:v>
                </c:pt>
                <c:pt idx="9441">
                  <c:v>315377.68454253901</c:v>
                </c:pt>
                <c:pt idx="9442">
                  <c:v>315847.23927183001</c:v>
                </c:pt>
                <c:pt idx="9443">
                  <c:v>315847.23927183001</c:v>
                </c:pt>
                <c:pt idx="9444">
                  <c:v>316402.76607881801</c:v>
                </c:pt>
                <c:pt idx="9445">
                  <c:v>316402.76607881801</c:v>
                </c:pt>
                <c:pt idx="9446">
                  <c:v>316402.76607881801</c:v>
                </c:pt>
                <c:pt idx="9447">
                  <c:v>316402.76607881801</c:v>
                </c:pt>
                <c:pt idx="9448">
                  <c:v>316402.76607881801</c:v>
                </c:pt>
                <c:pt idx="9449">
                  <c:v>316402.76607881801</c:v>
                </c:pt>
                <c:pt idx="9450">
                  <c:v>316402.76607881801</c:v>
                </c:pt>
                <c:pt idx="9451">
                  <c:v>316402.76607881801</c:v>
                </c:pt>
                <c:pt idx="9452">
                  <c:v>316402.76607881801</c:v>
                </c:pt>
                <c:pt idx="9453">
                  <c:v>316402.76607881801</c:v>
                </c:pt>
                <c:pt idx="9454">
                  <c:v>316402.76607881801</c:v>
                </c:pt>
                <c:pt idx="9455">
                  <c:v>316358.46975025698</c:v>
                </c:pt>
                <c:pt idx="9456">
                  <c:v>319237.60517826799</c:v>
                </c:pt>
                <c:pt idx="9457">
                  <c:v>320171.09418690298</c:v>
                </c:pt>
                <c:pt idx="9458">
                  <c:v>320171.09418690298</c:v>
                </c:pt>
                <c:pt idx="9459">
                  <c:v>320171.09418690298</c:v>
                </c:pt>
                <c:pt idx="9460">
                  <c:v>320171.09418690298</c:v>
                </c:pt>
                <c:pt idx="9461">
                  <c:v>320171.09418690298</c:v>
                </c:pt>
                <c:pt idx="9462">
                  <c:v>320171.09418690298</c:v>
                </c:pt>
                <c:pt idx="9463">
                  <c:v>320171.09418690298</c:v>
                </c:pt>
                <c:pt idx="9464">
                  <c:v>319965.76740965398</c:v>
                </c:pt>
                <c:pt idx="9465">
                  <c:v>319965.76740965398</c:v>
                </c:pt>
                <c:pt idx="9466">
                  <c:v>318672.53305274801</c:v>
                </c:pt>
                <c:pt idx="9467">
                  <c:v>318672.53305274801</c:v>
                </c:pt>
                <c:pt idx="9468">
                  <c:v>318672.53305274801</c:v>
                </c:pt>
                <c:pt idx="9469">
                  <c:v>318672.53305274801</c:v>
                </c:pt>
                <c:pt idx="9470">
                  <c:v>318672.53305274801</c:v>
                </c:pt>
                <c:pt idx="9471">
                  <c:v>318672.53305274801</c:v>
                </c:pt>
                <c:pt idx="9472">
                  <c:v>319319.251920813</c:v>
                </c:pt>
                <c:pt idx="9473">
                  <c:v>319319.251920813</c:v>
                </c:pt>
                <c:pt idx="9474">
                  <c:v>319319.251920813</c:v>
                </c:pt>
                <c:pt idx="9475">
                  <c:v>319319.251920813</c:v>
                </c:pt>
                <c:pt idx="9476">
                  <c:v>319137.99841572403</c:v>
                </c:pt>
                <c:pt idx="9477">
                  <c:v>319508.14732389501</c:v>
                </c:pt>
                <c:pt idx="9478">
                  <c:v>319508.14732389501</c:v>
                </c:pt>
                <c:pt idx="9479">
                  <c:v>319508.14732389501</c:v>
                </c:pt>
                <c:pt idx="9480">
                  <c:v>319508.14732389501</c:v>
                </c:pt>
                <c:pt idx="9481">
                  <c:v>319508.14732389501</c:v>
                </c:pt>
                <c:pt idx="9482">
                  <c:v>320803.215522432</c:v>
                </c:pt>
                <c:pt idx="9483">
                  <c:v>322034.92158668197</c:v>
                </c:pt>
                <c:pt idx="9484">
                  <c:v>322034.92158668197</c:v>
                </c:pt>
                <c:pt idx="9485">
                  <c:v>322910.824289479</c:v>
                </c:pt>
                <c:pt idx="9486">
                  <c:v>322910.824289479</c:v>
                </c:pt>
                <c:pt idx="9487">
                  <c:v>322910.824289479</c:v>
                </c:pt>
                <c:pt idx="9488">
                  <c:v>322910.824289479</c:v>
                </c:pt>
                <c:pt idx="9489">
                  <c:v>324078.35610678798</c:v>
                </c:pt>
                <c:pt idx="9490">
                  <c:v>324078.35610678798</c:v>
                </c:pt>
                <c:pt idx="9491">
                  <c:v>324078.35610678798</c:v>
                </c:pt>
                <c:pt idx="9492">
                  <c:v>324078.35610678798</c:v>
                </c:pt>
                <c:pt idx="9493">
                  <c:v>324286.343784747</c:v>
                </c:pt>
                <c:pt idx="9494">
                  <c:v>324286.343784747</c:v>
                </c:pt>
                <c:pt idx="9495">
                  <c:v>323654.786681653</c:v>
                </c:pt>
                <c:pt idx="9496">
                  <c:v>323654.786681653</c:v>
                </c:pt>
                <c:pt idx="9497">
                  <c:v>323654.786681653</c:v>
                </c:pt>
                <c:pt idx="9498">
                  <c:v>324291.14970797498</c:v>
                </c:pt>
                <c:pt idx="9499">
                  <c:v>324291.14970797498</c:v>
                </c:pt>
                <c:pt idx="9500">
                  <c:v>324291.14970797498</c:v>
                </c:pt>
                <c:pt idx="9501">
                  <c:v>324291.14970797498</c:v>
                </c:pt>
                <c:pt idx="9502">
                  <c:v>324291.14970797498</c:v>
                </c:pt>
                <c:pt idx="9503">
                  <c:v>324291.14970797498</c:v>
                </c:pt>
                <c:pt idx="9504">
                  <c:v>324786.84535962</c:v>
                </c:pt>
                <c:pt idx="9505">
                  <c:v>324786.84535962</c:v>
                </c:pt>
                <c:pt idx="9506">
                  <c:v>324786.84535962</c:v>
                </c:pt>
                <c:pt idx="9507">
                  <c:v>324786.84535962</c:v>
                </c:pt>
                <c:pt idx="9508">
                  <c:v>324786.84535962</c:v>
                </c:pt>
                <c:pt idx="9509">
                  <c:v>324786.84535962</c:v>
                </c:pt>
                <c:pt idx="9510">
                  <c:v>324786.84535962</c:v>
                </c:pt>
                <c:pt idx="9511">
                  <c:v>324786.84535962</c:v>
                </c:pt>
                <c:pt idx="9512">
                  <c:v>324786.84535962</c:v>
                </c:pt>
                <c:pt idx="9513">
                  <c:v>325164.347573612</c:v>
                </c:pt>
                <c:pt idx="9514">
                  <c:v>325164.347573612</c:v>
                </c:pt>
                <c:pt idx="9515">
                  <c:v>325164.347573612</c:v>
                </c:pt>
                <c:pt idx="9516">
                  <c:v>325164.347573612</c:v>
                </c:pt>
                <c:pt idx="9517">
                  <c:v>325164.347573612</c:v>
                </c:pt>
                <c:pt idx="9518">
                  <c:v>325164.347573612</c:v>
                </c:pt>
                <c:pt idx="9519">
                  <c:v>325164.347573612</c:v>
                </c:pt>
                <c:pt idx="9520">
                  <c:v>325164.347573612</c:v>
                </c:pt>
                <c:pt idx="9521">
                  <c:v>325164.347573612</c:v>
                </c:pt>
                <c:pt idx="9522">
                  <c:v>325216.60703259002</c:v>
                </c:pt>
                <c:pt idx="9523">
                  <c:v>325216.60703259002</c:v>
                </c:pt>
                <c:pt idx="9524">
                  <c:v>325216.60703259002</c:v>
                </c:pt>
                <c:pt idx="9525">
                  <c:v>325216.60703259002</c:v>
                </c:pt>
                <c:pt idx="9526">
                  <c:v>325216.60703259002</c:v>
                </c:pt>
                <c:pt idx="9527">
                  <c:v>325216.60703259002</c:v>
                </c:pt>
                <c:pt idx="9528">
                  <c:v>325216.60703259002</c:v>
                </c:pt>
                <c:pt idx="9529">
                  <c:v>325216.60703259002</c:v>
                </c:pt>
                <c:pt idx="9530">
                  <c:v>325216.60703259002</c:v>
                </c:pt>
                <c:pt idx="9531">
                  <c:v>325216.60703259002</c:v>
                </c:pt>
                <c:pt idx="9532">
                  <c:v>325216.60703259002</c:v>
                </c:pt>
                <c:pt idx="9533">
                  <c:v>325216.60703259002</c:v>
                </c:pt>
                <c:pt idx="9534">
                  <c:v>325216.60703259002</c:v>
                </c:pt>
                <c:pt idx="9535">
                  <c:v>325216.60703259002</c:v>
                </c:pt>
                <c:pt idx="9536">
                  <c:v>324915.094662413</c:v>
                </c:pt>
                <c:pt idx="9537">
                  <c:v>325159.80876826099</c:v>
                </c:pt>
                <c:pt idx="9538">
                  <c:v>325159.80876826099</c:v>
                </c:pt>
                <c:pt idx="9539">
                  <c:v>325159.80876826099</c:v>
                </c:pt>
                <c:pt idx="9540">
                  <c:v>325159.80876826099</c:v>
                </c:pt>
                <c:pt idx="9541">
                  <c:v>325839.53768057702</c:v>
                </c:pt>
                <c:pt idx="9542">
                  <c:v>325839.53768057702</c:v>
                </c:pt>
                <c:pt idx="9543">
                  <c:v>325839.53768057702</c:v>
                </c:pt>
                <c:pt idx="9544">
                  <c:v>325839.53768057702</c:v>
                </c:pt>
                <c:pt idx="9545">
                  <c:v>325839.53768057702</c:v>
                </c:pt>
                <c:pt idx="9546">
                  <c:v>325839.53768057702</c:v>
                </c:pt>
                <c:pt idx="9547">
                  <c:v>325839.53768057702</c:v>
                </c:pt>
                <c:pt idx="9548">
                  <c:v>325839.53768057702</c:v>
                </c:pt>
                <c:pt idx="9549">
                  <c:v>326520.93168511603</c:v>
                </c:pt>
                <c:pt idx="9550">
                  <c:v>326520.93168511603</c:v>
                </c:pt>
                <c:pt idx="9551">
                  <c:v>326073.89751276601</c:v>
                </c:pt>
                <c:pt idx="9552">
                  <c:v>327236.85212524899</c:v>
                </c:pt>
                <c:pt idx="9553">
                  <c:v>327236.85212524899</c:v>
                </c:pt>
                <c:pt idx="9554">
                  <c:v>327236.85212524899</c:v>
                </c:pt>
                <c:pt idx="9555">
                  <c:v>327236.85212524899</c:v>
                </c:pt>
                <c:pt idx="9556">
                  <c:v>327236.85212524899</c:v>
                </c:pt>
                <c:pt idx="9557">
                  <c:v>327902.17099435802</c:v>
                </c:pt>
                <c:pt idx="9558">
                  <c:v>327902.17099435802</c:v>
                </c:pt>
                <c:pt idx="9559">
                  <c:v>327902.17099435802</c:v>
                </c:pt>
                <c:pt idx="9560">
                  <c:v>327902.17099435802</c:v>
                </c:pt>
                <c:pt idx="9561">
                  <c:v>327902.17099435802</c:v>
                </c:pt>
                <c:pt idx="9562">
                  <c:v>328754.84325599502</c:v>
                </c:pt>
                <c:pt idx="9563">
                  <c:v>330127.19273593102</c:v>
                </c:pt>
                <c:pt idx="9564">
                  <c:v>330127.19273593102</c:v>
                </c:pt>
                <c:pt idx="9565">
                  <c:v>329958.62734489801</c:v>
                </c:pt>
                <c:pt idx="9566">
                  <c:v>329958.62734489801</c:v>
                </c:pt>
                <c:pt idx="9567">
                  <c:v>329958.62734489801</c:v>
                </c:pt>
                <c:pt idx="9568">
                  <c:v>329958.62734489801</c:v>
                </c:pt>
                <c:pt idx="9569">
                  <c:v>329958.62734489801</c:v>
                </c:pt>
                <c:pt idx="9570">
                  <c:v>329958.62734489801</c:v>
                </c:pt>
                <c:pt idx="9571">
                  <c:v>329958.62734489801</c:v>
                </c:pt>
                <c:pt idx="9572">
                  <c:v>329532.58489798702</c:v>
                </c:pt>
                <c:pt idx="9573">
                  <c:v>329565.33997607301</c:v>
                </c:pt>
                <c:pt idx="9574">
                  <c:v>329120.97420931701</c:v>
                </c:pt>
                <c:pt idx="9575">
                  <c:v>329120.97420931701</c:v>
                </c:pt>
                <c:pt idx="9576">
                  <c:v>329120.97420931701</c:v>
                </c:pt>
                <c:pt idx="9577">
                  <c:v>329120.97420931701</c:v>
                </c:pt>
                <c:pt idx="9578">
                  <c:v>329120.97420931701</c:v>
                </c:pt>
                <c:pt idx="9579">
                  <c:v>329120.97420931701</c:v>
                </c:pt>
                <c:pt idx="9580">
                  <c:v>329120.97420931701</c:v>
                </c:pt>
                <c:pt idx="9581">
                  <c:v>329120.97420931701</c:v>
                </c:pt>
                <c:pt idx="9582">
                  <c:v>329120.97420931701</c:v>
                </c:pt>
                <c:pt idx="9583">
                  <c:v>330199.41966367001</c:v>
                </c:pt>
                <c:pt idx="9584">
                  <c:v>330199.41966367001</c:v>
                </c:pt>
                <c:pt idx="9585">
                  <c:v>330199.41966367001</c:v>
                </c:pt>
                <c:pt idx="9586">
                  <c:v>330199.41966367001</c:v>
                </c:pt>
                <c:pt idx="9587">
                  <c:v>330199.41966367001</c:v>
                </c:pt>
                <c:pt idx="9588">
                  <c:v>330608.64711976802</c:v>
                </c:pt>
                <c:pt idx="9589">
                  <c:v>329804.414415412</c:v>
                </c:pt>
                <c:pt idx="9590">
                  <c:v>329804.414415412</c:v>
                </c:pt>
                <c:pt idx="9591">
                  <c:v>329804.414415412</c:v>
                </c:pt>
                <c:pt idx="9592">
                  <c:v>329804.414415412</c:v>
                </c:pt>
                <c:pt idx="9593">
                  <c:v>329804.414415412</c:v>
                </c:pt>
                <c:pt idx="9594">
                  <c:v>329804.414415412</c:v>
                </c:pt>
                <c:pt idx="9595">
                  <c:v>330108.15449928801</c:v>
                </c:pt>
                <c:pt idx="9596">
                  <c:v>330108.15449928801</c:v>
                </c:pt>
                <c:pt idx="9597">
                  <c:v>330108.15449928801</c:v>
                </c:pt>
                <c:pt idx="9598">
                  <c:v>330108.15449928801</c:v>
                </c:pt>
                <c:pt idx="9599">
                  <c:v>330108.15449928801</c:v>
                </c:pt>
                <c:pt idx="9600">
                  <c:v>330108.15449928801</c:v>
                </c:pt>
                <c:pt idx="9601">
                  <c:v>330108.15449928801</c:v>
                </c:pt>
                <c:pt idx="9602">
                  <c:v>329370.89398019901</c:v>
                </c:pt>
                <c:pt idx="9603">
                  <c:v>330069.30472173798</c:v>
                </c:pt>
                <c:pt idx="9604">
                  <c:v>331484.98666913703</c:v>
                </c:pt>
                <c:pt idx="9605">
                  <c:v>331744.08168594702</c:v>
                </c:pt>
                <c:pt idx="9606">
                  <c:v>331744.08168594702</c:v>
                </c:pt>
                <c:pt idx="9607">
                  <c:v>331744.08168594702</c:v>
                </c:pt>
                <c:pt idx="9608">
                  <c:v>331744.08168594702</c:v>
                </c:pt>
                <c:pt idx="9609">
                  <c:v>331744.08168594702</c:v>
                </c:pt>
                <c:pt idx="9610">
                  <c:v>331744.08168594702</c:v>
                </c:pt>
                <c:pt idx="9611">
                  <c:v>331744.08168594702</c:v>
                </c:pt>
                <c:pt idx="9612">
                  <c:v>334349.75524052902</c:v>
                </c:pt>
                <c:pt idx="9613">
                  <c:v>334349.75524052902</c:v>
                </c:pt>
                <c:pt idx="9614">
                  <c:v>334349.75524052902</c:v>
                </c:pt>
                <c:pt idx="9615">
                  <c:v>334349.75524052902</c:v>
                </c:pt>
                <c:pt idx="9616">
                  <c:v>334505.10181500402</c:v>
                </c:pt>
                <c:pt idx="9617">
                  <c:v>334505.10181500402</c:v>
                </c:pt>
                <c:pt idx="9618">
                  <c:v>334505.10181500402</c:v>
                </c:pt>
                <c:pt idx="9619">
                  <c:v>334602.698008443</c:v>
                </c:pt>
                <c:pt idx="9620">
                  <c:v>334602.698008443</c:v>
                </c:pt>
                <c:pt idx="9621">
                  <c:v>336963.30599756102</c:v>
                </c:pt>
                <c:pt idx="9622">
                  <c:v>336963.30599756102</c:v>
                </c:pt>
                <c:pt idx="9623">
                  <c:v>337438.66572619101</c:v>
                </c:pt>
                <c:pt idx="9624">
                  <c:v>337097.13847417303</c:v>
                </c:pt>
                <c:pt idx="9625">
                  <c:v>336682.43507030699</c:v>
                </c:pt>
                <c:pt idx="9626">
                  <c:v>336526.99176625803</c:v>
                </c:pt>
                <c:pt idx="9627">
                  <c:v>336526.99176625803</c:v>
                </c:pt>
                <c:pt idx="9628">
                  <c:v>336526.99176625803</c:v>
                </c:pt>
                <c:pt idx="9629">
                  <c:v>336526.99176625803</c:v>
                </c:pt>
                <c:pt idx="9630">
                  <c:v>336526.99176625803</c:v>
                </c:pt>
                <c:pt idx="9631">
                  <c:v>336526.99176625803</c:v>
                </c:pt>
                <c:pt idx="9632">
                  <c:v>339929.063037374</c:v>
                </c:pt>
                <c:pt idx="9633">
                  <c:v>339929.063037374</c:v>
                </c:pt>
                <c:pt idx="9634">
                  <c:v>339929.063037374</c:v>
                </c:pt>
                <c:pt idx="9635">
                  <c:v>339929.063037374</c:v>
                </c:pt>
                <c:pt idx="9636">
                  <c:v>339929.063037374</c:v>
                </c:pt>
                <c:pt idx="9637">
                  <c:v>339929.063037374</c:v>
                </c:pt>
                <c:pt idx="9638">
                  <c:v>339991.88392803998</c:v>
                </c:pt>
                <c:pt idx="9639">
                  <c:v>339950.81311780802</c:v>
                </c:pt>
                <c:pt idx="9640">
                  <c:v>339950.81311780802</c:v>
                </c:pt>
                <c:pt idx="9641">
                  <c:v>339950.81311780802</c:v>
                </c:pt>
                <c:pt idx="9642">
                  <c:v>339950.81311780802</c:v>
                </c:pt>
                <c:pt idx="9643">
                  <c:v>339950.81311780802</c:v>
                </c:pt>
                <c:pt idx="9644">
                  <c:v>343264.33614479599</c:v>
                </c:pt>
                <c:pt idx="9645">
                  <c:v>343264.33614479599</c:v>
                </c:pt>
                <c:pt idx="9646">
                  <c:v>343264.33614479599</c:v>
                </c:pt>
                <c:pt idx="9647">
                  <c:v>343264.33614479599</c:v>
                </c:pt>
                <c:pt idx="9648">
                  <c:v>343264.33614479599</c:v>
                </c:pt>
                <c:pt idx="9649">
                  <c:v>343184.15497095301</c:v>
                </c:pt>
                <c:pt idx="9650">
                  <c:v>343425.20694168197</c:v>
                </c:pt>
                <c:pt idx="9651">
                  <c:v>343425.20694168197</c:v>
                </c:pt>
                <c:pt idx="9652">
                  <c:v>343425.20694168197</c:v>
                </c:pt>
                <c:pt idx="9653">
                  <c:v>343425.20694168197</c:v>
                </c:pt>
                <c:pt idx="9654">
                  <c:v>343425.20694168197</c:v>
                </c:pt>
                <c:pt idx="9655">
                  <c:v>343425.20694168197</c:v>
                </c:pt>
                <c:pt idx="9656">
                  <c:v>343425.20694168197</c:v>
                </c:pt>
                <c:pt idx="9657">
                  <c:v>343425.20694168197</c:v>
                </c:pt>
                <c:pt idx="9658">
                  <c:v>343425.20694168197</c:v>
                </c:pt>
                <c:pt idx="9659">
                  <c:v>343425.20694168197</c:v>
                </c:pt>
                <c:pt idx="9660">
                  <c:v>343425.20694168197</c:v>
                </c:pt>
                <c:pt idx="9661">
                  <c:v>343425.20694168197</c:v>
                </c:pt>
                <c:pt idx="9662">
                  <c:v>343425.20694168197</c:v>
                </c:pt>
                <c:pt idx="9663">
                  <c:v>343425.20694168197</c:v>
                </c:pt>
                <c:pt idx="9664">
                  <c:v>343425.20694168197</c:v>
                </c:pt>
                <c:pt idx="9665">
                  <c:v>343425.20694168197</c:v>
                </c:pt>
                <c:pt idx="9666">
                  <c:v>344019.78997500503</c:v>
                </c:pt>
                <c:pt idx="9667">
                  <c:v>344019.78997500503</c:v>
                </c:pt>
                <c:pt idx="9668">
                  <c:v>344017.58356567501</c:v>
                </c:pt>
                <c:pt idx="9669">
                  <c:v>344017.58356567501</c:v>
                </c:pt>
                <c:pt idx="9670">
                  <c:v>344017.58356567501</c:v>
                </c:pt>
                <c:pt idx="9671">
                  <c:v>344017.58356567501</c:v>
                </c:pt>
                <c:pt idx="9672">
                  <c:v>344017.58356567501</c:v>
                </c:pt>
                <c:pt idx="9673">
                  <c:v>344017.58356567501</c:v>
                </c:pt>
                <c:pt idx="9674">
                  <c:v>344017.58356567501</c:v>
                </c:pt>
                <c:pt idx="9675">
                  <c:v>344133.12957484199</c:v>
                </c:pt>
                <c:pt idx="9676">
                  <c:v>344133.12957484199</c:v>
                </c:pt>
                <c:pt idx="9677">
                  <c:v>344213.31074868602</c:v>
                </c:pt>
                <c:pt idx="9678">
                  <c:v>344213.31074868602</c:v>
                </c:pt>
                <c:pt idx="9679">
                  <c:v>344539.88797032897</c:v>
                </c:pt>
                <c:pt idx="9680">
                  <c:v>344133.88587768702</c:v>
                </c:pt>
                <c:pt idx="9681">
                  <c:v>344133.88587768702</c:v>
                </c:pt>
                <c:pt idx="9682">
                  <c:v>344141.90679863998</c:v>
                </c:pt>
                <c:pt idx="9683">
                  <c:v>344141.90679863998</c:v>
                </c:pt>
                <c:pt idx="9684">
                  <c:v>344141.90679863998</c:v>
                </c:pt>
                <c:pt idx="9685">
                  <c:v>343780.00491588103</c:v>
                </c:pt>
                <c:pt idx="9686">
                  <c:v>344933.72394097899</c:v>
                </c:pt>
                <c:pt idx="9687">
                  <c:v>344933.72394097899</c:v>
                </c:pt>
                <c:pt idx="9688">
                  <c:v>345426.60007794498</c:v>
                </c:pt>
                <c:pt idx="9689">
                  <c:v>345426.60007794498</c:v>
                </c:pt>
                <c:pt idx="9690">
                  <c:v>346108.09945212601</c:v>
                </c:pt>
                <c:pt idx="9691">
                  <c:v>345985.18428837002</c:v>
                </c:pt>
                <c:pt idx="9692">
                  <c:v>345985.18428837002</c:v>
                </c:pt>
                <c:pt idx="9693">
                  <c:v>345985.18428837002</c:v>
                </c:pt>
                <c:pt idx="9694">
                  <c:v>345985.18428837002</c:v>
                </c:pt>
                <c:pt idx="9695">
                  <c:v>345985.18428837002</c:v>
                </c:pt>
                <c:pt idx="9696">
                  <c:v>345985.18428837002</c:v>
                </c:pt>
                <c:pt idx="9697">
                  <c:v>347070.02727271803</c:v>
                </c:pt>
                <c:pt idx="9698">
                  <c:v>347070.02727271803</c:v>
                </c:pt>
                <c:pt idx="9699">
                  <c:v>347020.49659822701</c:v>
                </c:pt>
                <c:pt idx="9700">
                  <c:v>347020.49659822701</c:v>
                </c:pt>
                <c:pt idx="9701">
                  <c:v>347020.49659822701</c:v>
                </c:pt>
                <c:pt idx="9702">
                  <c:v>347020.49659822701</c:v>
                </c:pt>
                <c:pt idx="9703">
                  <c:v>347020.49659822701</c:v>
                </c:pt>
                <c:pt idx="9704">
                  <c:v>347020.49659822701</c:v>
                </c:pt>
                <c:pt idx="9705">
                  <c:v>347020.49659822701</c:v>
                </c:pt>
                <c:pt idx="9706">
                  <c:v>347020.49659822701</c:v>
                </c:pt>
                <c:pt idx="9707">
                  <c:v>347020.49659822701</c:v>
                </c:pt>
                <c:pt idx="9708">
                  <c:v>347020.49659822701</c:v>
                </c:pt>
                <c:pt idx="9709">
                  <c:v>347020.49659822701</c:v>
                </c:pt>
                <c:pt idx="9710">
                  <c:v>347020.49659822701</c:v>
                </c:pt>
                <c:pt idx="9711">
                  <c:v>347020.49659822701</c:v>
                </c:pt>
                <c:pt idx="9712">
                  <c:v>347020.49659822701</c:v>
                </c:pt>
                <c:pt idx="9713">
                  <c:v>347020.49659822701</c:v>
                </c:pt>
                <c:pt idx="9714">
                  <c:v>347020.49659822701</c:v>
                </c:pt>
                <c:pt idx="9715">
                  <c:v>347020.49659822701</c:v>
                </c:pt>
                <c:pt idx="9716">
                  <c:v>347020.49659822701</c:v>
                </c:pt>
                <c:pt idx="9717">
                  <c:v>348257.952628895</c:v>
                </c:pt>
                <c:pt idx="9718">
                  <c:v>348257.952628895</c:v>
                </c:pt>
                <c:pt idx="9719">
                  <c:v>348257.952628895</c:v>
                </c:pt>
                <c:pt idx="9720">
                  <c:v>348257.952628895</c:v>
                </c:pt>
                <c:pt idx="9721">
                  <c:v>348257.952628895</c:v>
                </c:pt>
                <c:pt idx="9722">
                  <c:v>348257.952628895</c:v>
                </c:pt>
                <c:pt idx="9723">
                  <c:v>349412.61369635502</c:v>
                </c:pt>
                <c:pt idx="9724">
                  <c:v>349569.78586509702</c:v>
                </c:pt>
                <c:pt idx="9725">
                  <c:v>349569.78586509702</c:v>
                </c:pt>
                <c:pt idx="9726">
                  <c:v>349569.78586509702</c:v>
                </c:pt>
                <c:pt idx="9727">
                  <c:v>349569.78586509702</c:v>
                </c:pt>
                <c:pt idx="9728">
                  <c:v>349569.78586509702</c:v>
                </c:pt>
                <c:pt idx="9729">
                  <c:v>349569.78586509702</c:v>
                </c:pt>
                <c:pt idx="9730">
                  <c:v>349569.78586509702</c:v>
                </c:pt>
                <c:pt idx="9731">
                  <c:v>349569.78586509702</c:v>
                </c:pt>
                <c:pt idx="9732">
                  <c:v>350076.89534071699</c:v>
                </c:pt>
                <c:pt idx="9733">
                  <c:v>350076.89534071699</c:v>
                </c:pt>
                <c:pt idx="9734">
                  <c:v>350076.89534071699</c:v>
                </c:pt>
                <c:pt idx="9735">
                  <c:v>350076.89534071699</c:v>
                </c:pt>
                <c:pt idx="9736">
                  <c:v>350076.89534071699</c:v>
                </c:pt>
                <c:pt idx="9737">
                  <c:v>353485.71258912398</c:v>
                </c:pt>
                <c:pt idx="9738">
                  <c:v>353485.71258912398</c:v>
                </c:pt>
                <c:pt idx="9739">
                  <c:v>353485.71258912398</c:v>
                </c:pt>
                <c:pt idx="9740">
                  <c:v>353467.49737483001</c:v>
                </c:pt>
                <c:pt idx="9741">
                  <c:v>353469.70378416002</c:v>
                </c:pt>
                <c:pt idx="9742">
                  <c:v>353469.70378416002</c:v>
                </c:pt>
                <c:pt idx="9743">
                  <c:v>353469.70378416002</c:v>
                </c:pt>
                <c:pt idx="9744">
                  <c:v>353469.70378416002</c:v>
                </c:pt>
                <c:pt idx="9745">
                  <c:v>353469.70378416002</c:v>
                </c:pt>
                <c:pt idx="9746">
                  <c:v>353469.70378416002</c:v>
                </c:pt>
                <c:pt idx="9747">
                  <c:v>353605.295153705</c:v>
                </c:pt>
                <c:pt idx="9748">
                  <c:v>353382.77388071298</c:v>
                </c:pt>
                <c:pt idx="9749">
                  <c:v>353382.77388071298</c:v>
                </c:pt>
                <c:pt idx="9750">
                  <c:v>353382.77388071298</c:v>
                </c:pt>
                <c:pt idx="9751">
                  <c:v>354441.78009565303</c:v>
                </c:pt>
                <c:pt idx="9752">
                  <c:v>354441.78009565303</c:v>
                </c:pt>
                <c:pt idx="9753">
                  <c:v>354575.95296295302</c:v>
                </c:pt>
                <c:pt idx="9754">
                  <c:v>354318.18758604903</c:v>
                </c:pt>
                <c:pt idx="9755">
                  <c:v>354318.18758604903</c:v>
                </c:pt>
                <c:pt idx="9756">
                  <c:v>354285.11934961501</c:v>
                </c:pt>
                <c:pt idx="9757">
                  <c:v>354285.11934961501</c:v>
                </c:pt>
                <c:pt idx="9758">
                  <c:v>354285.11934961501</c:v>
                </c:pt>
                <c:pt idx="9759">
                  <c:v>354285.11934961501</c:v>
                </c:pt>
                <c:pt idx="9760">
                  <c:v>354778.226543703</c:v>
                </c:pt>
                <c:pt idx="9761">
                  <c:v>354778.226543703</c:v>
                </c:pt>
                <c:pt idx="9762">
                  <c:v>354778.226543703</c:v>
                </c:pt>
                <c:pt idx="9763">
                  <c:v>356140.29588047997</c:v>
                </c:pt>
                <c:pt idx="9764">
                  <c:v>356140.29588047997</c:v>
                </c:pt>
                <c:pt idx="9765">
                  <c:v>356950.71579222399</c:v>
                </c:pt>
                <c:pt idx="9766">
                  <c:v>356950.71579222399</c:v>
                </c:pt>
                <c:pt idx="9767">
                  <c:v>356950.71579222399</c:v>
                </c:pt>
                <c:pt idx="9768">
                  <c:v>356950.71579222399</c:v>
                </c:pt>
                <c:pt idx="9769">
                  <c:v>356950.71579222399</c:v>
                </c:pt>
                <c:pt idx="9770">
                  <c:v>356950.71579222399</c:v>
                </c:pt>
                <c:pt idx="9771">
                  <c:v>357400.64649171999</c:v>
                </c:pt>
                <c:pt idx="9772">
                  <c:v>357223.58457255003</c:v>
                </c:pt>
                <c:pt idx="9773">
                  <c:v>357223.58457255003</c:v>
                </c:pt>
                <c:pt idx="9774">
                  <c:v>357223.58457255003</c:v>
                </c:pt>
                <c:pt idx="9775">
                  <c:v>357223.58457255003</c:v>
                </c:pt>
                <c:pt idx="9776">
                  <c:v>357223.58457255003</c:v>
                </c:pt>
                <c:pt idx="9777">
                  <c:v>357223.58457255003</c:v>
                </c:pt>
                <c:pt idx="9778">
                  <c:v>357223.58457255003</c:v>
                </c:pt>
                <c:pt idx="9779">
                  <c:v>357223.58457255003</c:v>
                </c:pt>
                <c:pt idx="9780">
                  <c:v>357223.58457255003</c:v>
                </c:pt>
                <c:pt idx="9781">
                  <c:v>357223.58457255003</c:v>
                </c:pt>
                <c:pt idx="9782">
                  <c:v>357223.58457255003</c:v>
                </c:pt>
                <c:pt idx="9783">
                  <c:v>357223.58457255003</c:v>
                </c:pt>
                <c:pt idx="9784">
                  <c:v>357223.58457255003</c:v>
                </c:pt>
                <c:pt idx="9785">
                  <c:v>357223.58457255003</c:v>
                </c:pt>
                <c:pt idx="9786">
                  <c:v>357223.58457255003</c:v>
                </c:pt>
                <c:pt idx="9787">
                  <c:v>357223.58457255003</c:v>
                </c:pt>
                <c:pt idx="9788">
                  <c:v>357223.58457255003</c:v>
                </c:pt>
                <c:pt idx="9789">
                  <c:v>357223.58457255003</c:v>
                </c:pt>
                <c:pt idx="9790">
                  <c:v>357223.58457255003</c:v>
                </c:pt>
                <c:pt idx="9791">
                  <c:v>359205.88315097301</c:v>
                </c:pt>
                <c:pt idx="9792">
                  <c:v>361198.32433778699</c:v>
                </c:pt>
                <c:pt idx="9793">
                  <c:v>361198.32433778699</c:v>
                </c:pt>
                <c:pt idx="9794">
                  <c:v>361455.35950334801</c:v>
                </c:pt>
                <c:pt idx="9795">
                  <c:v>361455.35950334801</c:v>
                </c:pt>
                <c:pt idx="9796">
                  <c:v>361455.35950334801</c:v>
                </c:pt>
                <c:pt idx="9797">
                  <c:v>361455.35950334801</c:v>
                </c:pt>
                <c:pt idx="9798">
                  <c:v>361455.35950334801</c:v>
                </c:pt>
                <c:pt idx="9799">
                  <c:v>363447.800690162</c:v>
                </c:pt>
                <c:pt idx="9800">
                  <c:v>363447.800690162</c:v>
                </c:pt>
                <c:pt idx="9801">
                  <c:v>363471.026460664</c:v>
                </c:pt>
                <c:pt idx="9802">
                  <c:v>363471.026460664</c:v>
                </c:pt>
                <c:pt idx="9803">
                  <c:v>363471.026460664</c:v>
                </c:pt>
                <c:pt idx="9804">
                  <c:v>363471.026460664</c:v>
                </c:pt>
                <c:pt idx="9805">
                  <c:v>363471.026460664</c:v>
                </c:pt>
                <c:pt idx="9806">
                  <c:v>363471.026460664</c:v>
                </c:pt>
                <c:pt idx="9807">
                  <c:v>363471.026460664</c:v>
                </c:pt>
                <c:pt idx="9808">
                  <c:v>363471.026460664</c:v>
                </c:pt>
                <c:pt idx="9809">
                  <c:v>363573.68173278699</c:v>
                </c:pt>
                <c:pt idx="9810">
                  <c:v>363573.68173278699</c:v>
                </c:pt>
                <c:pt idx="9811">
                  <c:v>365346.72545957699</c:v>
                </c:pt>
                <c:pt idx="9812">
                  <c:v>365346.72545957699</c:v>
                </c:pt>
                <c:pt idx="9813">
                  <c:v>365346.72545957699</c:v>
                </c:pt>
                <c:pt idx="9814">
                  <c:v>365346.72545957699</c:v>
                </c:pt>
                <c:pt idx="9815">
                  <c:v>365346.72545957699</c:v>
                </c:pt>
                <c:pt idx="9816">
                  <c:v>365346.72545957699</c:v>
                </c:pt>
                <c:pt idx="9817">
                  <c:v>365346.72545957699</c:v>
                </c:pt>
                <c:pt idx="9818">
                  <c:v>365346.72545957699</c:v>
                </c:pt>
                <c:pt idx="9819">
                  <c:v>365495.90569720702</c:v>
                </c:pt>
                <c:pt idx="9820">
                  <c:v>365495.90569720702</c:v>
                </c:pt>
                <c:pt idx="9821">
                  <c:v>365495.90569720702</c:v>
                </c:pt>
                <c:pt idx="9822">
                  <c:v>365495.90569720702</c:v>
                </c:pt>
                <c:pt idx="9823">
                  <c:v>365495.90569720702</c:v>
                </c:pt>
                <c:pt idx="9824">
                  <c:v>365436.99811301701</c:v>
                </c:pt>
                <c:pt idx="9825">
                  <c:v>365436.99811301701</c:v>
                </c:pt>
                <c:pt idx="9826">
                  <c:v>365436.99811301701</c:v>
                </c:pt>
                <c:pt idx="9827">
                  <c:v>365436.99811301701</c:v>
                </c:pt>
                <c:pt idx="9828">
                  <c:v>365436.99811301701</c:v>
                </c:pt>
                <c:pt idx="9829">
                  <c:v>365436.99811301701</c:v>
                </c:pt>
                <c:pt idx="9830">
                  <c:v>365436.99811301701</c:v>
                </c:pt>
                <c:pt idx="9831">
                  <c:v>365436.99811301701</c:v>
                </c:pt>
                <c:pt idx="9832">
                  <c:v>365436.99811301701</c:v>
                </c:pt>
                <c:pt idx="9833">
                  <c:v>365436.99811301701</c:v>
                </c:pt>
                <c:pt idx="9834">
                  <c:v>365436.99811301701</c:v>
                </c:pt>
                <c:pt idx="9835">
                  <c:v>365125.78258780501</c:v>
                </c:pt>
                <c:pt idx="9836">
                  <c:v>365125.78258780501</c:v>
                </c:pt>
                <c:pt idx="9837">
                  <c:v>365125.78258780501</c:v>
                </c:pt>
                <c:pt idx="9838">
                  <c:v>365125.78258780501</c:v>
                </c:pt>
                <c:pt idx="9839">
                  <c:v>365125.78258780501</c:v>
                </c:pt>
                <c:pt idx="9840">
                  <c:v>365125.78258780501</c:v>
                </c:pt>
                <c:pt idx="9841">
                  <c:v>365125.78258780501</c:v>
                </c:pt>
                <c:pt idx="9842">
                  <c:v>365125.78258780501</c:v>
                </c:pt>
                <c:pt idx="9843">
                  <c:v>365125.78258780501</c:v>
                </c:pt>
                <c:pt idx="9844">
                  <c:v>365125.78258780501</c:v>
                </c:pt>
                <c:pt idx="9845">
                  <c:v>365125.78258780501</c:v>
                </c:pt>
                <c:pt idx="9846">
                  <c:v>365125.78258780501</c:v>
                </c:pt>
                <c:pt idx="9847">
                  <c:v>365519.51916252897</c:v>
                </c:pt>
                <c:pt idx="9848">
                  <c:v>365312.90755566303</c:v>
                </c:pt>
                <c:pt idx="9849">
                  <c:v>365312.90755566303</c:v>
                </c:pt>
                <c:pt idx="9850">
                  <c:v>365312.90755566303</c:v>
                </c:pt>
                <c:pt idx="9851">
                  <c:v>365312.90755566303</c:v>
                </c:pt>
                <c:pt idx="9852">
                  <c:v>365158.70702115598</c:v>
                </c:pt>
                <c:pt idx="9853">
                  <c:v>364856.25930680498</c:v>
                </c:pt>
                <c:pt idx="9854">
                  <c:v>364856.25930680498</c:v>
                </c:pt>
                <c:pt idx="9855">
                  <c:v>367331.24240259099</c:v>
                </c:pt>
                <c:pt idx="9856">
                  <c:v>367331.24240259099</c:v>
                </c:pt>
                <c:pt idx="9857">
                  <c:v>367331.24240259099</c:v>
                </c:pt>
                <c:pt idx="9858">
                  <c:v>367331.24240259099</c:v>
                </c:pt>
                <c:pt idx="9859">
                  <c:v>367331.24240259099</c:v>
                </c:pt>
                <c:pt idx="9860">
                  <c:v>367331.24240259099</c:v>
                </c:pt>
                <c:pt idx="9861">
                  <c:v>367331.24240259099</c:v>
                </c:pt>
                <c:pt idx="9862">
                  <c:v>367331.24240259099</c:v>
                </c:pt>
                <c:pt idx="9863">
                  <c:v>367331.24240259099</c:v>
                </c:pt>
                <c:pt idx="9864">
                  <c:v>367331.24240259099</c:v>
                </c:pt>
                <c:pt idx="9865">
                  <c:v>367331.24240259099</c:v>
                </c:pt>
                <c:pt idx="9866">
                  <c:v>367331.24240259099</c:v>
                </c:pt>
                <c:pt idx="9867">
                  <c:v>367331.24240259099</c:v>
                </c:pt>
                <c:pt idx="9868">
                  <c:v>366840.06908932398</c:v>
                </c:pt>
                <c:pt idx="9869">
                  <c:v>366840.06908932398</c:v>
                </c:pt>
                <c:pt idx="9870">
                  <c:v>367243.21525760001</c:v>
                </c:pt>
                <c:pt idx="9871">
                  <c:v>367243.21525760001</c:v>
                </c:pt>
                <c:pt idx="9872">
                  <c:v>367243.21525760001</c:v>
                </c:pt>
                <c:pt idx="9873">
                  <c:v>367243.21525760001</c:v>
                </c:pt>
                <c:pt idx="9874">
                  <c:v>367716.29425083101</c:v>
                </c:pt>
                <c:pt idx="9875">
                  <c:v>367716.29425083101</c:v>
                </c:pt>
                <c:pt idx="9876">
                  <c:v>368171.37013592699</c:v>
                </c:pt>
                <c:pt idx="9877">
                  <c:v>369040.34629343398</c:v>
                </c:pt>
                <c:pt idx="9878">
                  <c:v>369040.34629343398</c:v>
                </c:pt>
                <c:pt idx="9879">
                  <c:v>369040.34629343398</c:v>
                </c:pt>
                <c:pt idx="9880">
                  <c:v>369040.34629343398</c:v>
                </c:pt>
                <c:pt idx="9881">
                  <c:v>369040.34629343398</c:v>
                </c:pt>
                <c:pt idx="9882">
                  <c:v>369040.34629343398</c:v>
                </c:pt>
                <c:pt idx="9883">
                  <c:v>369040.34629343398</c:v>
                </c:pt>
                <c:pt idx="9884">
                  <c:v>369040.34629343398</c:v>
                </c:pt>
                <c:pt idx="9885">
                  <c:v>369040.34629343398</c:v>
                </c:pt>
                <c:pt idx="9886">
                  <c:v>369040.34629343398</c:v>
                </c:pt>
                <c:pt idx="9887">
                  <c:v>369040.34629343398</c:v>
                </c:pt>
                <c:pt idx="9888">
                  <c:v>369162.69879844401</c:v>
                </c:pt>
                <c:pt idx="9889">
                  <c:v>369162.69879844401</c:v>
                </c:pt>
                <c:pt idx="9890">
                  <c:v>369162.69879844401</c:v>
                </c:pt>
                <c:pt idx="9891">
                  <c:v>369917.64870252501</c:v>
                </c:pt>
                <c:pt idx="9892">
                  <c:v>369917.64870252501</c:v>
                </c:pt>
                <c:pt idx="9893">
                  <c:v>370009.41703775601</c:v>
                </c:pt>
                <c:pt idx="9894">
                  <c:v>370009.41703775601</c:v>
                </c:pt>
                <c:pt idx="9895">
                  <c:v>370009.41703775601</c:v>
                </c:pt>
                <c:pt idx="9896">
                  <c:v>370009.41703775601</c:v>
                </c:pt>
                <c:pt idx="9897">
                  <c:v>370375.29764622299</c:v>
                </c:pt>
                <c:pt idx="9898">
                  <c:v>370375.29764622299</c:v>
                </c:pt>
                <c:pt idx="9899">
                  <c:v>370375.29764622299</c:v>
                </c:pt>
                <c:pt idx="9900">
                  <c:v>371850.39057658502</c:v>
                </c:pt>
                <c:pt idx="9901">
                  <c:v>371850.39057658502</c:v>
                </c:pt>
                <c:pt idx="9902">
                  <c:v>371850.39057658502</c:v>
                </c:pt>
                <c:pt idx="9903">
                  <c:v>371850.39057658502</c:v>
                </c:pt>
                <c:pt idx="9904">
                  <c:v>371850.39057658502</c:v>
                </c:pt>
                <c:pt idx="9905">
                  <c:v>371850.39057658502</c:v>
                </c:pt>
                <c:pt idx="9906">
                  <c:v>371850.39057658502</c:v>
                </c:pt>
                <c:pt idx="9907">
                  <c:v>371850.39057658502</c:v>
                </c:pt>
                <c:pt idx="9908">
                  <c:v>371850.39057658502</c:v>
                </c:pt>
                <c:pt idx="9909">
                  <c:v>371850.39057658502</c:v>
                </c:pt>
                <c:pt idx="9910">
                  <c:v>373614.44005344203</c:v>
                </c:pt>
                <c:pt idx="9911">
                  <c:v>373614.44005344203</c:v>
                </c:pt>
                <c:pt idx="9912">
                  <c:v>373614.44005344203</c:v>
                </c:pt>
                <c:pt idx="9913">
                  <c:v>373614.44005344203</c:v>
                </c:pt>
                <c:pt idx="9914">
                  <c:v>373614.44005344203</c:v>
                </c:pt>
                <c:pt idx="9915">
                  <c:v>373614.44005344203</c:v>
                </c:pt>
                <c:pt idx="9916">
                  <c:v>373614.44005344203</c:v>
                </c:pt>
                <c:pt idx="9917">
                  <c:v>373627.90707735298</c:v>
                </c:pt>
                <c:pt idx="9918">
                  <c:v>373782.07366671599</c:v>
                </c:pt>
                <c:pt idx="9919">
                  <c:v>373782.07366671599</c:v>
                </c:pt>
                <c:pt idx="9920">
                  <c:v>373782.07366671599</c:v>
                </c:pt>
                <c:pt idx="9921">
                  <c:v>373782.07366671599</c:v>
                </c:pt>
                <c:pt idx="9922">
                  <c:v>373782.07366671599</c:v>
                </c:pt>
                <c:pt idx="9923">
                  <c:v>373782.07366671599</c:v>
                </c:pt>
                <c:pt idx="9924">
                  <c:v>373782.07366671599</c:v>
                </c:pt>
                <c:pt idx="9925">
                  <c:v>375247.44661619002</c:v>
                </c:pt>
                <c:pt idx="9926">
                  <c:v>375385.26738020399</c:v>
                </c:pt>
                <c:pt idx="9927">
                  <c:v>375385.26738020399</c:v>
                </c:pt>
                <c:pt idx="9928">
                  <c:v>375385.26738020399</c:v>
                </c:pt>
                <c:pt idx="9929">
                  <c:v>375385.26738020399</c:v>
                </c:pt>
                <c:pt idx="9930">
                  <c:v>375385.26738020399</c:v>
                </c:pt>
                <c:pt idx="9931">
                  <c:v>375385.26738020399</c:v>
                </c:pt>
                <c:pt idx="9932">
                  <c:v>375385.26738020399</c:v>
                </c:pt>
                <c:pt idx="9933">
                  <c:v>375385.26738020399</c:v>
                </c:pt>
                <c:pt idx="9934">
                  <c:v>375385.26738020399</c:v>
                </c:pt>
                <c:pt idx="9935">
                  <c:v>375385.26738020399</c:v>
                </c:pt>
                <c:pt idx="9936">
                  <c:v>375385.26738020399</c:v>
                </c:pt>
                <c:pt idx="9937">
                  <c:v>375385.26738020399</c:v>
                </c:pt>
                <c:pt idx="9938">
                  <c:v>375385.26738020399</c:v>
                </c:pt>
                <c:pt idx="9939">
                  <c:v>375480.93474512402</c:v>
                </c:pt>
                <c:pt idx="9940">
                  <c:v>375605.34903050901</c:v>
                </c:pt>
                <c:pt idx="9941">
                  <c:v>375605.34903050901</c:v>
                </c:pt>
                <c:pt idx="9942">
                  <c:v>375605.34903050901</c:v>
                </c:pt>
                <c:pt idx="9943">
                  <c:v>375605.34903050901</c:v>
                </c:pt>
                <c:pt idx="9944">
                  <c:v>375605.34903050901</c:v>
                </c:pt>
                <c:pt idx="9945">
                  <c:v>375605.34903050901</c:v>
                </c:pt>
                <c:pt idx="9946">
                  <c:v>375605.34903050901</c:v>
                </c:pt>
                <c:pt idx="9947">
                  <c:v>375747.72356858698</c:v>
                </c:pt>
                <c:pt idx="9948">
                  <c:v>375747.72356858698</c:v>
                </c:pt>
                <c:pt idx="9949">
                  <c:v>375747.72356858698</c:v>
                </c:pt>
                <c:pt idx="9950">
                  <c:v>375747.72356858698</c:v>
                </c:pt>
                <c:pt idx="9951">
                  <c:v>375747.72356858698</c:v>
                </c:pt>
                <c:pt idx="9952">
                  <c:v>375747.72356858698</c:v>
                </c:pt>
                <c:pt idx="9953">
                  <c:v>375747.72356858698</c:v>
                </c:pt>
                <c:pt idx="9954">
                  <c:v>375747.72356858698</c:v>
                </c:pt>
                <c:pt idx="9955">
                  <c:v>375747.72356858698</c:v>
                </c:pt>
                <c:pt idx="9956">
                  <c:v>375747.72356858698</c:v>
                </c:pt>
                <c:pt idx="9957">
                  <c:v>376224.38383009098</c:v>
                </c:pt>
                <c:pt idx="9958">
                  <c:v>377142.518329193</c:v>
                </c:pt>
                <c:pt idx="9959">
                  <c:v>377142.518329193</c:v>
                </c:pt>
                <c:pt idx="9960">
                  <c:v>377142.518329193</c:v>
                </c:pt>
                <c:pt idx="9961">
                  <c:v>377142.518329193</c:v>
                </c:pt>
                <c:pt idx="9962">
                  <c:v>377142.518329193</c:v>
                </c:pt>
                <c:pt idx="9963">
                  <c:v>377142.518329193</c:v>
                </c:pt>
                <c:pt idx="9964">
                  <c:v>377142.518329193</c:v>
                </c:pt>
                <c:pt idx="9965">
                  <c:v>377349.562063616</c:v>
                </c:pt>
                <c:pt idx="9966">
                  <c:v>377349.562063616</c:v>
                </c:pt>
                <c:pt idx="9967">
                  <c:v>377349.562063616</c:v>
                </c:pt>
                <c:pt idx="9968">
                  <c:v>377349.562063616</c:v>
                </c:pt>
                <c:pt idx="9969">
                  <c:v>377349.562063616</c:v>
                </c:pt>
                <c:pt idx="9970">
                  <c:v>377256.02440619603</c:v>
                </c:pt>
                <c:pt idx="9971">
                  <c:v>377256.02440619603</c:v>
                </c:pt>
                <c:pt idx="9972">
                  <c:v>377256.02440619603</c:v>
                </c:pt>
                <c:pt idx="9973">
                  <c:v>377256.02440619603</c:v>
                </c:pt>
                <c:pt idx="9974">
                  <c:v>377692.223678382</c:v>
                </c:pt>
                <c:pt idx="9975">
                  <c:v>377692.223678382</c:v>
                </c:pt>
                <c:pt idx="9976">
                  <c:v>377692.223678382</c:v>
                </c:pt>
                <c:pt idx="9977">
                  <c:v>377692.223678382</c:v>
                </c:pt>
                <c:pt idx="9978">
                  <c:v>377692.223678382</c:v>
                </c:pt>
                <c:pt idx="9979">
                  <c:v>380640.011495377</c:v>
                </c:pt>
                <c:pt idx="9980">
                  <c:v>381908.86281218799</c:v>
                </c:pt>
                <c:pt idx="9981">
                  <c:v>381908.86281218799</c:v>
                </c:pt>
                <c:pt idx="9982">
                  <c:v>381908.86281218799</c:v>
                </c:pt>
                <c:pt idx="9983">
                  <c:v>381908.86281218799</c:v>
                </c:pt>
                <c:pt idx="9984">
                  <c:v>381908.86281218799</c:v>
                </c:pt>
                <c:pt idx="9985">
                  <c:v>381908.86281218799</c:v>
                </c:pt>
                <c:pt idx="9986">
                  <c:v>381908.86281218799</c:v>
                </c:pt>
                <c:pt idx="9987">
                  <c:v>381908.86281218799</c:v>
                </c:pt>
                <c:pt idx="9988">
                  <c:v>381908.86281218799</c:v>
                </c:pt>
                <c:pt idx="9989">
                  <c:v>381908.86281218799</c:v>
                </c:pt>
                <c:pt idx="9990">
                  <c:v>381908.86281218799</c:v>
                </c:pt>
                <c:pt idx="9991">
                  <c:v>381908.86281218799</c:v>
                </c:pt>
                <c:pt idx="9992">
                  <c:v>381908.86281218799</c:v>
                </c:pt>
                <c:pt idx="9993">
                  <c:v>381908.86281218799</c:v>
                </c:pt>
                <c:pt idx="9994">
                  <c:v>381908.86281218799</c:v>
                </c:pt>
                <c:pt idx="9995">
                  <c:v>381908.86281218799</c:v>
                </c:pt>
                <c:pt idx="9996">
                  <c:v>381885.058032514</c:v>
                </c:pt>
                <c:pt idx="9997">
                  <c:v>381885.058032514</c:v>
                </c:pt>
                <c:pt idx="9998">
                  <c:v>381885.058032514</c:v>
                </c:pt>
                <c:pt idx="9999">
                  <c:v>382282.21641383303</c:v>
                </c:pt>
                <c:pt idx="10000">
                  <c:v>382282.21641383303</c:v>
                </c:pt>
                <c:pt idx="10001">
                  <c:v>382282.21641383303</c:v>
                </c:pt>
                <c:pt idx="10002">
                  <c:v>382282.21641383303</c:v>
                </c:pt>
                <c:pt idx="10003">
                  <c:v>382282.21641383303</c:v>
                </c:pt>
                <c:pt idx="10004">
                  <c:v>383552.60263571498</c:v>
                </c:pt>
                <c:pt idx="10005">
                  <c:v>383552.60263571498</c:v>
                </c:pt>
                <c:pt idx="10006">
                  <c:v>383552.60263571498</c:v>
                </c:pt>
                <c:pt idx="10007">
                  <c:v>383552.60263571498</c:v>
                </c:pt>
                <c:pt idx="10008">
                  <c:v>383552.60263571498</c:v>
                </c:pt>
                <c:pt idx="10009">
                  <c:v>383552.60263571498</c:v>
                </c:pt>
                <c:pt idx="10010">
                  <c:v>384818.07031265699</c:v>
                </c:pt>
                <c:pt idx="10011">
                  <c:v>384818.07031265699</c:v>
                </c:pt>
                <c:pt idx="10012">
                  <c:v>384826.25437773298</c:v>
                </c:pt>
                <c:pt idx="10013">
                  <c:v>384826.25437773298</c:v>
                </c:pt>
                <c:pt idx="10014">
                  <c:v>384826.25437773298</c:v>
                </c:pt>
                <c:pt idx="10015">
                  <c:v>384826.25437773298</c:v>
                </c:pt>
                <c:pt idx="10016">
                  <c:v>384826.25437773298</c:v>
                </c:pt>
                <c:pt idx="10017">
                  <c:v>384826.25437773298</c:v>
                </c:pt>
                <c:pt idx="10018">
                  <c:v>384826.25437773298</c:v>
                </c:pt>
                <c:pt idx="10019">
                  <c:v>384826.25437773298</c:v>
                </c:pt>
                <c:pt idx="10020">
                  <c:v>384826.25437773298</c:v>
                </c:pt>
                <c:pt idx="10021">
                  <c:v>384826.25437773298</c:v>
                </c:pt>
                <c:pt idx="10022">
                  <c:v>384826.25437773298</c:v>
                </c:pt>
                <c:pt idx="10023">
                  <c:v>384826.25437773298</c:v>
                </c:pt>
                <c:pt idx="10024">
                  <c:v>386757.05038811499</c:v>
                </c:pt>
                <c:pt idx="10025">
                  <c:v>386757.05038811499</c:v>
                </c:pt>
                <c:pt idx="10026">
                  <c:v>387436.27003161499</c:v>
                </c:pt>
                <c:pt idx="10027">
                  <c:v>387436.27003161499</c:v>
                </c:pt>
                <c:pt idx="10028">
                  <c:v>387436.27003161499</c:v>
                </c:pt>
                <c:pt idx="10029">
                  <c:v>387758.07316704898</c:v>
                </c:pt>
                <c:pt idx="10030">
                  <c:v>387758.07316704898</c:v>
                </c:pt>
                <c:pt idx="10031">
                  <c:v>387758.07316704898</c:v>
                </c:pt>
                <c:pt idx="10032">
                  <c:v>387758.07316704898</c:v>
                </c:pt>
                <c:pt idx="10033">
                  <c:v>388027.055312059</c:v>
                </c:pt>
                <c:pt idx="10034">
                  <c:v>388027.055312059</c:v>
                </c:pt>
                <c:pt idx="10035">
                  <c:v>388027.055312059</c:v>
                </c:pt>
                <c:pt idx="10036">
                  <c:v>388027.055312059</c:v>
                </c:pt>
                <c:pt idx="10037">
                  <c:v>388027.055312059</c:v>
                </c:pt>
                <c:pt idx="10038">
                  <c:v>388027.055312059</c:v>
                </c:pt>
                <c:pt idx="10039">
                  <c:v>388027.055312059</c:v>
                </c:pt>
                <c:pt idx="10040">
                  <c:v>388027.055312059</c:v>
                </c:pt>
                <c:pt idx="10041">
                  <c:v>388567.266861237</c:v>
                </c:pt>
                <c:pt idx="10042">
                  <c:v>388859.26725956303</c:v>
                </c:pt>
                <c:pt idx="10043">
                  <c:v>388859.26725956303</c:v>
                </c:pt>
                <c:pt idx="10044">
                  <c:v>388859.26725956303</c:v>
                </c:pt>
                <c:pt idx="10045">
                  <c:v>388859.26725956303</c:v>
                </c:pt>
                <c:pt idx="10046">
                  <c:v>388985.276680535</c:v>
                </c:pt>
                <c:pt idx="10047">
                  <c:v>388985.276680535</c:v>
                </c:pt>
                <c:pt idx="10048">
                  <c:v>388985.276680535</c:v>
                </c:pt>
                <c:pt idx="10049">
                  <c:v>388985.276680535</c:v>
                </c:pt>
                <c:pt idx="10050">
                  <c:v>388985.276680535</c:v>
                </c:pt>
                <c:pt idx="10051">
                  <c:v>389941.02589620801</c:v>
                </c:pt>
                <c:pt idx="10052">
                  <c:v>389941.02589620801</c:v>
                </c:pt>
                <c:pt idx="10053">
                  <c:v>389941.02589620801</c:v>
                </c:pt>
                <c:pt idx="10054">
                  <c:v>389941.02589620801</c:v>
                </c:pt>
                <c:pt idx="10055">
                  <c:v>389941.02589620801</c:v>
                </c:pt>
                <c:pt idx="10056">
                  <c:v>389941.02589620801</c:v>
                </c:pt>
                <c:pt idx="10057">
                  <c:v>389941.02589620801</c:v>
                </c:pt>
                <c:pt idx="10058">
                  <c:v>389941.02589620801</c:v>
                </c:pt>
                <c:pt idx="10059">
                  <c:v>389941.02589620801</c:v>
                </c:pt>
                <c:pt idx="10060">
                  <c:v>389941.02589620801</c:v>
                </c:pt>
                <c:pt idx="10061">
                  <c:v>389941.02589620801</c:v>
                </c:pt>
                <c:pt idx="10062">
                  <c:v>389941.02589620801</c:v>
                </c:pt>
                <c:pt idx="10063">
                  <c:v>389941.02589620801</c:v>
                </c:pt>
                <c:pt idx="10064">
                  <c:v>389810.43417952</c:v>
                </c:pt>
                <c:pt idx="10065">
                  <c:v>389810.43417952</c:v>
                </c:pt>
                <c:pt idx="10066">
                  <c:v>390153.449416499</c:v>
                </c:pt>
                <c:pt idx="10067">
                  <c:v>390153.449416499</c:v>
                </c:pt>
                <c:pt idx="10068">
                  <c:v>390811.24208283098</c:v>
                </c:pt>
                <c:pt idx="10069">
                  <c:v>390811.24208283098</c:v>
                </c:pt>
                <c:pt idx="10070">
                  <c:v>390811.24208283098</c:v>
                </c:pt>
                <c:pt idx="10071">
                  <c:v>390431.96820912801</c:v>
                </c:pt>
                <c:pt idx="10072">
                  <c:v>390431.96820912801</c:v>
                </c:pt>
                <c:pt idx="10073">
                  <c:v>390431.96820912801</c:v>
                </c:pt>
                <c:pt idx="10074">
                  <c:v>390431.96820912801</c:v>
                </c:pt>
                <c:pt idx="10075">
                  <c:v>389947.78046624799</c:v>
                </c:pt>
                <c:pt idx="10076">
                  <c:v>390753.84155770898</c:v>
                </c:pt>
                <c:pt idx="10077">
                  <c:v>390753.84155770898</c:v>
                </c:pt>
                <c:pt idx="10078">
                  <c:v>390753.84155770898</c:v>
                </c:pt>
                <c:pt idx="10079">
                  <c:v>390753.84155770898</c:v>
                </c:pt>
                <c:pt idx="10080">
                  <c:v>390753.84155770898</c:v>
                </c:pt>
                <c:pt idx="10081">
                  <c:v>390753.84155770898</c:v>
                </c:pt>
                <c:pt idx="10082">
                  <c:v>390753.84155770898</c:v>
                </c:pt>
                <c:pt idx="10083">
                  <c:v>390944.62358235603</c:v>
                </c:pt>
                <c:pt idx="10084">
                  <c:v>390944.62358235603</c:v>
                </c:pt>
                <c:pt idx="10085">
                  <c:v>390847.67376034602</c:v>
                </c:pt>
                <c:pt idx="10086">
                  <c:v>390847.67376034602</c:v>
                </c:pt>
                <c:pt idx="10087">
                  <c:v>390847.67376034602</c:v>
                </c:pt>
                <c:pt idx="10088">
                  <c:v>390847.67376034602</c:v>
                </c:pt>
                <c:pt idx="10089">
                  <c:v>391677.18116841698</c:v>
                </c:pt>
                <c:pt idx="10090">
                  <c:v>391620.36289190402</c:v>
                </c:pt>
                <c:pt idx="10091">
                  <c:v>391620.36289190402</c:v>
                </c:pt>
                <c:pt idx="10092">
                  <c:v>391620.36289190402</c:v>
                </c:pt>
                <c:pt idx="10093">
                  <c:v>391620.36289190402</c:v>
                </c:pt>
                <c:pt idx="10094">
                  <c:v>391620.36289190402</c:v>
                </c:pt>
                <c:pt idx="10095">
                  <c:v>391620.36289190402</c:v>
                </c:pt>
                <c:pt idx="10096">
                  <c:v>391620.36289190402</c:v>
                </c:pt>
                <c:pt idx="10097">
                  <c:v>391620.36289190402</c:v>
                </c:pt>
                <c:pt idx="10098">
                  <c:v>391620.36289190402</c:v>
                </c:pt>
                <c:pt idx="10099">
                  <c:v>391620.36289190402</c:v>
                </c:pt>
                <c:pt idx="10100">
                  <c:v>391620.36289190402</c:v>
                </c:pt>
                <c:pt idx="10101">
                  <c:v>391620.36289190402</c:v>
                </c:pt>
                <c:pt idx="10102">
                  <c:v>391620.36289190402</c:v>
                </c:pt>
                <c:pt idx="10103">
                  <c:v>391620.36289190402</c:v>
                </c:pt>
                <c:pt idx="10104">
                  <c:v>391620.36289190402</c:v>
                </c:pt>
                <c:pt idx="10105">
                  <c:v>394490.30543485697</c:v>
                </c:pt>
                <c:pt idx="10106">
                  <c:v>394650.344819372</c:v>
                </c:pt>
                <c:pt idx="10107">
                  <c:v>394650.344819372</c:v>
                </c:pt>
                <c:pt idx="10108">
                  <c:v>394650.344819372</c:v>
                </c:pt>
                <c:pt idx="10109">
                  <c:v>394650.344819372</c:v>
                </c:pt>
                <c:pt idx="10110">
                  <c:v>394650.344819372</c:v>
                </c:pt>
                <c:pt idx="10111">
                  <c:v>394650.344819372</c:v>
                </c:pt>
                <c:pt idx="10112">
                  <c:v>394650.344819372</c:v>
                </c:pt>
                <c:pt idx="10113">
                  <c:v>394650.344819372</c:v>
                </c:pt>
                <c:pt idx="10114">
                  <c:v>394650.344819372</c:v>
                </c:pt>
                <c:pt idx="10115">
                  <c:v>394650.344819372</c:v>
                </c:pt>
                <c:pt idx="10116">
                  <c:v>395645.84954611899</c:v>
                </c:pt>
                <c:pt idx="10117">
                  <c:v>395645.84954611899</c:v>
                </c:pt>
                <c:pt idx="10118">
                  <c:v>395645.84954611899</c:v>
                </c:pt>
                <c:pt idx="10119">
                  <c:v>395645.84954611899</c:v>
                </c:pt>
                <c:pt idx="10120">
                  <c:v>395645.84954611899</c:v>
                </c:pt>
                <c:pt idx="10121">
                  <c:v>395645.84954611899</c:v>
                </c:pt>
                <c:pt idx="10122">
                  <c:v>395645.84954611899</c:v>
                </c:pt>
                <c:pt idx="10123">
                  <c:v>395645.84954611899</c:v>
                </c:pt>
                <c:pt idx="10124">
                  <c:v>395645.84954611899</c:v>
                </c:pt>
                <c:pt idx="10125">
                  <c:v>396897.35746547702</c:v>
                </c:pt>
                <c:pt idx="10126">
                  <c:v>396897.35746547702</c:v>
                </c:pt>
                <c:pt idx="10127">
                  <c:v>396897.35746547702</c:v>
                </c:pt>
                <c:pt idx="10128">
                  <c:v>396897.35746547702</c:v>
                </c:pt>
                <c:pt idx="10129">
                  <c:v>396897.35746547702</c:v>
                </c:pt>
                <c:pt idx="10130">
                  <c:v>396897.35746547702</c:v>
                </c:pt>
                <c:pt idx="10131">
                  <c:v>396897.35746547702</c:v>
                </c:pt>
                <c:pt idx="10132">
                  <c:v>396897.35746547702</c:v>
                </c:pt>
                <c:pt idx="10133">
                  <c:v>396897.35746547702</c:v>
                </c:pt>
                <c:pt idx="10134">
                  <c:v>396897.35746547702</c:v>
                </c:pt>
                <c:pt idx="10135">
                  <c:v>396897.35746547702</c:v>
                </c:pt>
                <c:pt idx="10136">
                  <c:v>396897.35746547702</c:v>
                </c:pt>
                <c:pt idx="10137">
                  <c:v>396897.35746547702</c:v>
                </c:pt>
                <c:pt idx="10138">
                  <c:v>396897.35746547702</c:v>
                </c:pt>
                <c:pt idx="10139">
                  <c:v>397308.20504089002</c:v>
                </c:pt>
                <c:pt idx="10140">
                  <c:v>397308.20504089002</c:v>
                </c:pt>
                <c:pt idx="10141">
                  <c:v>397308.20504089002</c:v>
                </c:pt>
                <c:pt idx="10142">
                  <c:v>397308.20504089002</c:v>
                </c:pt>
                <c:pt idx="10143">
                  <c:v>397308.20504089002</c:v>
                </c:pt>
                <c:pt idx="10144">
                  <c:v>397308.20504089002</c:v>
                </c:pt>
                <c:pt idx="10145">
                  <c:v>397308.20504089002</c:v>
                </c:pt>
                <c:pt idx="10146">
                  <c:v>397308.20504089002</c:v>
                </c:pt>
                <c:pt idx="10147">
                  <c:v>397308.20504089002</c:v>
                </c:pt>
                <c:pt idx="10148">
                  <c:v>397308.20504089002</c:v>
                </c:pt>
                <c:pt idx="10149">
                  <c:v>397308.20504089002</c:v>
                </c:pt>
                <c:pt idx="10150">
                  <c:v>397308.20504089002</c:v>
                </c:pt>
                <c:pt idx="10151">
                  <c:v>397308.20504089002</c:v>
                </c:pt>
                <c:pt idx="10152">
                  <c:v>397308.20504089002</c:v>
                </c:pt>
                <c:pt idx="10153">
                  <c:v>397308.20504089002</c:v>
                </c:pt>
                <c:pt idx="10154">
                  <c:v>397308.20504089002</c:v>
                </c:pt>
                <c:pt idx="10155">
                  <c:v>397308.20504089002</c:v>
                </c:pt>
                <c:pt idx="10156">
                  <c:v>397308.20504089002</c:v>
                </c:pt>
                <c:pt idx="10157">
                  <c:v>397308.20504089002</c:v>
                </c:pt>
                <c:pt idx="10158">
                  <c:v>397308.20504089002</c:v>
                </c:pt>
                <c:pt idx="10159">
                  <c:v>397308.20504089002</c:v>
                </c:pt>
                <c:pt idx="10160">
                  <c:v>397308.20504089002</c:v>
                </c:pt>
                <c:pt idx="10161">
                  <c:v>397835.23131157702</c:v>
                </c:pt>
                <c:pt idx="10162">
                  <c:v>397835.23131157702</c:v>
                </c:pt>
                <c:pt idx="10163">
                  <c:v>397835.23131157702</c:v>
                </c:pt>
                <c:pt idx="10164">
                  <c:v>397835.23131157702</c:v>
                </c:pt>
                <c:pt idx="10165">
                  <c:v>399389.83750388498</c:v>
                </c:pt>
                <c:pt idx="10166">
                  <c:v>399389.83750388498</c:v>
                </c:pt>
                <c:pt idx="10167">
                  <c:v>399389.83750388498</c:v>
                </c:pt>
                <c:pt idx="10168">
                  <c:v>399389.83750388498</c:v>
                </c:pt>
                <c:pt idx="10169">
                  <c:v>399389.83750388498</c:v>
                </c:pt>
                <c:pt idx="10170">
                  <c:v>399389.83750388498</c:v>
                </c:pt>
                <c:pt idx="10171">
                  <c:v>399389.83750388498</c:v>
                </c:pt>
                <c:pt idx="10172">
                  <c:v>399389.83750388498</c:v>
                </c:pt>
                <c:pt idx="10173">
                  <c:v>399860.74535033299</c:v>
                </c:pt>
                <c:pt idx="10174">
                  <c:v>399860.74535033299</c:v>
                </c:pt>
                <c:pt idx="10175">
                  <c:v>401298.90202611801</c:v>
                </c:pt>
                <c:pt idx="10176">
                  <c:v>401298.90202611801</c:v>
                </c:pt>
                <c:pt idx="10177">
                  <c:v>401298.90202611801</c:v>
                </c:pt>
                <c:pt idx="10178">
                  <c:v>401298.90202611801</c:v>
                </c:pt>
                <c:pt idx="10179">
                  <c:v>401298.90202611801</c:v>
                </c:pt>
                <c:pt idx="10180">
                  <c:v>401298.90202611801</c:v>
                </c:pt>
                <c:pt idx="10181">
                  <c:v>401298.90202611801</c:v>
                </c:pt>
                <c:pt idx="10182">
                  <c:v>400851.40688418603</c:v>
                </c:pt>
                <c:pt idx="10183">
                  <c:v>400851.40688418603</c:v>
                </c:pt>
                <c:pt idx="10184">
                  <c:v>400851.40688418603</c:v>
                </c:pt>
                <c:pt idx="10185">
                  <c:v>400851.40688418603</c:v>
                </c:pt>
                <c:pt idx="10186">
                  <c:v>400851.40688418603</c:v>
                </c:pt>
                <c:pt idx="10187">
                  <c:v>400851.40688418603</c:v>
                </c:pt>
                <c:pt idx="10188">
                  <c:v>400851.40688418603</c:v>
                </c:pt>
                <c:pt idx="10189">
                  <c:v>400851.40688418603</c:v>
                </c:pt>
                <c:pt idx="10190">
                  <c:v>400851.40688418603</c:v>
                </c:pt>
                <c:pt idx="10191">
                  <c:v>400851.40688418603</c:v>
                </c:pt>
                <c:pt idx="10192">
                  <c:v>400851.40688418603</c:v>
                </c:pt>
                <c:pt idx="10193">
                  <c:v>402648.38361041597</c:v>
                </c:pt>
                <c:pt idx="10194">
                  <c:v>402648.38361041597</c:v>
                </c:pt>
                <c:pt idx="10195">
                  <c:v>402729.25325286703</c:v>
                </c:pt>
                <c:pt idx="10196">
                  <c:v>402675.09022658202</c:v>
                </c:pt>
                <c:pt idx="10197">
                  <c:v>403606.43567217299</c:v>
                </c:pt>
                <c:pt idx="10198">
                  <c:v>403606.43567217299</c:v>
                </c:pt>
                <c:pt idx="10199">
                  <c:v>403606.43567217299</c:v>
                </c:pt>
                <c:pt idx="10200">
                  <c:v>403606.43567217299</c:v>
                </c:pt>
                <c:pt idx="10201">
                  <c:v>403606.43567217299</c:v>
                </c:pt>
                <c:pt idx="10202">
                  <c:v>403606.43567217299</c:v>
                </c:pt>
                <c:pt idx="10203">
                  <c:v>403606.43567217299</c:v>
                </c:pt>
                <c:pt idx="10204">
                  <c:v>403606.43567217299</c:v>
                </c:pt>
                <c:pt idx="10205">
                  <c:v>403606.43567217299</c:v>
                </c:pt>
                <c:pt idx="10206">
                  <c:v>403606.43567217299</c:v>
                </c:pt>
                <c:pt idx="10207">
                  <c:v>403606.43567217299</c:v>
                </c:pt>
                <c:pt idx="10208">
                  <c:v>403606.43567217299</c:v>
                </c:pt>
                <c:pt idx="10209">
                  <c:v>403606.43567217299</c:v>
                </c:pt>
                <c:pt idx="10210">
                  <c:v>404315.60697470699</c:v>
                </c:pt>
                <c:pt idx="10211">
                  <c:v>404315.60697470699</c:v>
                </c:pt>
                <c:pt idx="10212">
                  <c:v>405503.20589450398</c:v>
                </c:pt>
                <c:pt idx="10213">
                  <c:v>405503.20589450398</c:v>
                </c:pt>
                <c:pt idx="10214">
                  <c:v>405503.20589450398</c:v>
                </c:pt>
                <c:pt idx="10215">
                  <c:v>405913.93743870198</c:v>
                </c:pt>
                <c:pt idx="10216">
                  <c:v>405913.93743870198</c:v>
                </c:pt>
                <c:pt idx="10217">
                  <c:v>405913.93743870198</c:v>
                </c:pt>
                <c:pt idx="10218">
                  <c:v>405913.93743870198</c:v>
                </c:pt>
                <c:pt idx="10219">
                  <c:v>405913.93743870198</c:v>
                </c:pt>
                <c:pt idx="10220">
                  <c:v>405913.93743870198</c:v>
                </c:pt>
                <c:pt idx="10221">
                  <c:v>406848.99458321801</c:v>
                </c:pt>
                <c:pt idx="10222">
                  <c:v>406884.729945192</c:v>
                </c:pt>
                <c:pt idx="10223">
                  <c:v>406884.729945192</c:v>
                </c:pt>
                <c:pt idx="10224">
                  <c:v>406884.729945192</c:v>
                </c:pt>
                <c:pt idx="10225">
                  <c:v>406884.729945192</c:v>
                </c:pt>
                <c:pt idx="10226">
                  <c:v>406884.729945192</c:v>
                </c:pt>
                <c:pt idx="10227">
                  <c:v>406884.729945192</c:v>
                </c:pt>
                <c:pt idx="10228">
                  <c:v>406884.729945192</c:v>
                </c:pt>
                <c:pt idx="10229">
                  <c:v>406884.729945192</c:v>
                </c:pt>
                <c:pt idx="10230">
                  <c:v>406884.729945192</c:v>
                </c:pt>
                <c:pt idx="10231">
                  <c:v>406884.729945192</c:v>
                </c:pt>
                <c:pt idx="10232">
                  <c:v>407034.68456070003</c:v>
                </c:pt>
                <c:pt idx="10233">
                  <c:v>407034.68456070003</c:v>
                </c:pt>
                <c:pt idx="10234">
                  <c:v>407034.68456070003</c:v>
                </c:pt>
                <c:pt idx="10235">
                  <c:v>407034.68456070003</c:v>
                </c:pt>
                <c:pt idx="10236">
                  <c:v>407034.68456070003</c:v>
                </c:pt>
                <c:pt idx="10237">
                  <c:v>407034.68456070003</c:v>
                </c:pt>
                <c:pt idx="10238">
                  <c:v>406889.87604633003</c:v>
                </c:pt>
                <c:pt idx="10239">
                  <c:v>408843.62917861802</c:v>
                </c:pt>
                <c:pt idx="10240">
                  <c:v>408843.62917861802</c:v>
                </c:pt>
                <c:pt idx="10241">
                  <c:v>409055.79155245703</c:v>
                </c:pt>
                <c:pt idx="10242">
                  <c:v>409055.79155245703</c:v>
                </c:pt>
                <c:pt idx="10243">
                  <c:v>409055.79155245703</c:v>
                </c:pt>
                <c:pt idx="10244">
                  <c:v>409306.88005309401</c:v>
                </c:pt>
                <c:pt idx="10245">
                  <c:v>409306.88005309401</c:v>
                </c:pt>
                <c:pt idx="10246">
                  <c:v>409928.63404115202</c:v>
                </c:pt>
                <c:pt idx="10247">
                  <c:v>409928.63404115202</c:v>
                </c:pt>
                <c:pt idx="10248">
                  <c:v>409928.63404115202</c:v>
                </c:pt>
                <c:pt idx="10249">
                  <c:v>409928.63404115202</c:v>
                </c:pt>
                <c:pt idx="10250">
                  <c:v>412090.39089377702</c:v>
                </c:pt>
                <c:pt idx="10251">
                  <c:v>412303.31096608698</c:v>
                </c:pt>
                <c:pt idx="10252">
                  <c:v>412762.73046718998</c:v>
                </c:pt>
                <c:pt idx="10253">
                  <c:v>412762.73046718998</c:v>
                </c:pt>
                <c:pt idx="10254">
                  <c:v>412762.73046718998</c:v>
                </c:pt>
                <c:pt idx="10255">
                  <c:v>412762.73046718998</c:v>
                </c:pt>
                <c:pt idx="10256">
                  <c:v>412762.73046718998</c:v>
                </c:pt>
                <c:pt idx="10257">
                  <c:v>412762.73046718998</c:v>
                </c:pt>
                <c:pt idx="10258">
                  <c:v>412762.73046718998</c:v>
                </c:pt>
                <c:pt idx="10259">
                  <c:v>414613.31554832502</c:v>
                </c:pt>
                <c:pt idx="10260">
                  <c:v>414613.31554832502</c:v>
                </c:pt>
                <c:pt idx="10261">
                  <c:v>415151.211871696</c:v>
                </c:pt>
                <c:pt idx="10262">
                  <c:v>415151.211871696</c:v>
                </c:pt>
                <c:pt idx="10263">
                  <c:v>415151.211871696</c:v>
                </c:pt>
                <c:pt idx="10264">
                  <c:v>415151.211871696</c:v>
                </c:pt>
                <c:pt idx="10265">
                  <c:v>415151.211871696</c:v>
                </c:pt>
                <c:pt idx="10266">
                  <c:v>415609.07408654102</c:v>
                </c:pt>
                <c:pt idx="10267">
                  <c:v>415609.07408654102</c:v>
                </c:pt>
                <c:pt idx="10268">
                  <c:v>415609.07408654102</c:v>
                </c:pt>
                <c:pt idx="10269">
                  <c:v>415535.93502423901</c:v>
                </c:pt>
                <c:pt idx="10270">
                  <c:v>415535.93502423901</c:v>
                </c:pt>
                <c:pt idx="10271">
                  <c:v>415535.93502423901</c:v>
                </c:pt>
                <c:pt idx="10272">
                  <c:v>415535.93502423901</c:v>
                </c:pt>
                <c:pt idx="10273">
                  <c:v>415535.93502423901</c:v>
                </c:pt>
                <c:pt idx="10274">
                  <c:v>415535.93502423901</c:v>
                </c:pt>
                <c:pt idx="10275">
                  <c:v>415535.93502423901</c:v>
                </c:pt>
                <c:pt idx="10276">
                  <c:v>415535.93502423901</c:v>
                </c:pt>
                <c:pt idx="10277">
                  <c:v>416020.43901942298</c:v>
                </c:pt>
                <c:pt idx="10278">
                  <c:v>417240.04266405001</c:v>
                </c:pt>
                <c:pt idx="10279">
                  <c:v>417240.04266405001</c:v>
                </c:pt>
                <c:pt idx="10280">
                  <c:v>417240.04266405001</c:v>
                </c:pt>
                <c:pt idx="10281">
                  <c:v>417240.04266405001</c:v>
                </c:pt>
                <c:pt idx="10282">
                  <c:v>417240.04266405001</c:v>
                </c:pt>
                <c:pt idx="10283">
                  <c:v>417240.04266405001</c:v>
                </c:pt>
                <c:pt idx="10284">
                  <c:v>417240.04266405001</c:v>
                </c:pt>
                <c:pt idx="10285">
                  <c:v>417312.53788107098</c:v>
                </c:pt>
                <c:pt idx="10286">
                  <c:v>417312.53788107098</c:v>
                </c:pt>
                <c:pt idx="10287">
                  <c:v>417312.53788107098</c:v>
                </c:pt>
                <c:pt idx="10288">
                  <c:v>417312.53788107098</c:v>
                </c:pt>
                <c:pt idx="10289">
                  <c:v>417312.53788107098</c:v>
                </c:pt>
                <c:pt idx="10290">
                  <c:v>417312.53788107098</c:v>
                </c:pt>
                <c:pt idx="10291">
                  <c:v>417312.53788107098</c:v>
                </c:pt>
                <c:pt idx="10292">
                  <c:v>417312.53788107098</c:v>
                </c:pt>
                <c:pt idx="10293">
                  <c:v>417312.53788107098</c:v>
                </c:pt>
                <c:pt idx="10294">
                  <c:v>417312.53788107098</c:v>
                </c:pt>
                <c:pt idx="10295">
                  <c:v>417312.53788107098</c:v>
                </c:pt>
                <c:pt idx="10296">
                  <c:v>417312.53788107098</c:v>
                </c:pt>
                <c:pt idx="10297">
                  <c:v>417312.53788107098</c:v>
                </c:pt>
                <c:pt idx="10298">
                  <c:v>417312.53788107098</c:v>
                </c:pt>
                <c:pt idx="10299">
                  <c:v>417312.53788107098</c:v>
                </c:pt>
                <c:pt idx="10300">
                  <c:v>417312.53788107098</c:v>
                </c:pt>
                <c:pt idx="10301">
                  <c:v>417718.54344095598</c:v>
                </c:pt>
                <c:pt idx="10302">
                  <c:v>417950.75498898199</c:v>
                </c:pt>
                <c:pt idx="10303">
                  <c:v>417950.75498898199</c:v>
                </c:pt>
                <c:pt idx="10304">
                  <c:v>417950.75498898199</c:v>
                </c:pt>
                <c:pt idx="10305">
                  <c:v>417950.75498898199</c:v>
                </c:pt>
                <c:pt idx="10306">
                  <c:v>417950.75498898199</c:v>
                </c:pt>
                <c:pt idx="10307">
                  <c:v>417950.75498898199</c:v>
                </c:pt>
                <c:pt idx="10308">
                  <c:v>417950.75498898199</c:v>
                </c:pt>
                <c:pt idx="10309">
                  <c:v>417950.75498898199</c:v>
                </c:pt>
                <c:pt idx="10310">
                  <c:v>417950.75498898199</c:v>
                </c:pt>
                <c:pt idx="10311">
                  <c:v>417950.75498898199</c:v>
                </c:pt>
                <c:pt idx="10312">
                  <c:v>417950.75498898199</c:v>
                </c:pt>
                <c:pt idx="10313">
                  <c:v>417950.75498898199</c:v>
                </c:pt>
                <c:pt idx="10314">
                  <c:v>417950.75498898199</c:v>
                </c:pt>
                <c:pt idx="10315">
                  <c:v>421127.82295513502</c:v>
                </c:pt>
                <c:pt idx="10316">
                  <c:v>421127.82295513502</c:v>
                </c:pt>
                <c:pt idx="10317">
                  <c:v>420925.19686941197</c:v>
                </c:pt>
                <c:pt idx="10318">
                  <c:v>420925.19686941197</c:v>
                </c:pt>
                <c:pt idx="10319">
                  <c:v>420925.19686941197</c:v>
                </c:pt>
                <c:pt idx="10320">
                  <c:v>420925.19686941197</c:v>
                </c:pt>
                <c:pt idx="10321">
                  <c:v>421226.75248520903</c:v>
                </c:pt>
                <c:pt idx="10322">
                  <c:v>421226.75248520903</c:v>
                </c:pt>
                <c:pt idx="10323">
                  <c:v>421226.75248520903</c:v>
                </c:pt>
                <c:pt idx="10324">
                  <c:v>421226.75248520903</c:v>
                </c:pt>
                <c:pt idx="10325">
                  <c:v>421226.75248520903</c:v>
                </c:pt>
                <c:pt idx="10326">
                  <c:v>421226.75248520903</c:v>
                </c:pt>
                <c:pt idx="10327">
                  <c:v>421226.75248520903</c:v>
                </c:pt>
                <c:pt idx="10328">
                  <c:v>421226.75248520903</c:v>
                </c:pt>
                <c:pt idx="10329">
                  <c:v>421226.75248520903</c:v>
                </c:pt>
                <c:pt idx="10330">
                  <c:v>421132.16568975599</c:v>
                </c:pt>
                <c:pt idx="10331">
                  <c:v>421132.16568975599</c:v>
                </c:pt>
                <c:pt idx="10332">
                  <c:v>421132.16568975599</c:v>
                </c:pt>
                <c:pt idx="10333">
                  <c:v>421132.16568975599</c:v>
                </c:pt>
                <c:pt idx="10334">
                  <c:v>421132.16568975599</c:v>
                </c:pt>
                <c:pt idx="10335">
                  <c:v>421132.16568975599</c:v>
                </c:pt>
                <c:pt idx="10336">
                  <c:v>421132.16568975599</c:v>
                </c:pt>
                <c:pt idx="10337">
                  <c:v>421132.16568975599</c:v>
                </c:pt>
                <c:pt idx="10338">
                  <c:v>421132.16568975599</c:v>
                </c:pt>
                <c:pt idx="10339">
                  <c:v>421132.16568975599</c:v>
                </c:pt>
                <c:pt idx="10340">
                  <c:v>421132.16568975599</c:v>
                </c:pt>
                <c:pt idx="10341">
                  <c:v>421132.16568975599</c:v>
                </c:pt>
                <c:pt idx="10342">
                  <c:v>421132.16568975599</c:v>
                </c:pt>
                <c:pt idx="10343">
                  <c:v>421132.16568975599</c:v>
                </c:pt>
                <c:pt idx="10344">
                  <c:v>421132.16568975599</c:v>
                </c:pt>
                <c:pt idx="10345">
                  <c:v>421132.16568975599</c:v>
                </c:pt>
                <c:pt idx="10346">
                  <c:v>421932.14799977298</c:v>
                </c:pt>
                <c:pt idx="10347">
                  <c:v>421932.14799977298</c:v>
                </c:pt>
                <c:pt idx="10348">
                  <c:v>421932.14799977298</c:v>
                </c:pt>
                <c:pt idx="10349">
                  <c:v>422448.84270058997</c:v>
                </c:pt>
                <c:pt idx="10350">
                  <c:v>422448.84270058997</c:v>
                </c:pt>
                <c:pt idx="10351">
                  <c:v>422448.84270058997</c:v>
                </c:pt>
                <c:pt idx="10352">
                  <c:v>422448.84270058997</c:v>
                </c:pt>
                <c:pt idx="10353">
                  <c:v>422448.84270058997</c:v>
                </c:pt>
                <c:pt idx="10354">
                  <c:v>422448.84270058997</c:v>
                </c:pt>
                <c:pt idx="10355">
                  <c:v>422448.84270058997</c:v>
                </c:pt>
                <c:pt idx="10356">
                  <c:v>422448.84270058997</c:v>
                </c:pt>
                <c:pt idx="10357">
                  <c:v>422448.84270058997</c:v>
                </c:pt>
                <c:pt idx="10358">
                  <c:v>422448.84270058997</c:v>
                </c:pt>
                <c:pt idx="10359">
                  <c:v>422448.84270058997</c:v>
                </c:pt>
                <c:pt idx="10360">
                  <c:v>421945.27233277902</c:v>
                </c:pt>
                <c:pt idx="10361">
                  <c:v>421945.27233277902</c:v>
                </c:pt>
                <c:pt idx="10362">
                  <c:v>421945.27233277902</c:v>
                </c:pt>
                <c:pt idx="10363">
                  <c:v>421945.27233277902</c:v>
                </c:pt>
                <c:pt idx="10364">
                  <c:v>421945.27233277902</c:v>
                </c:pt>
                <c:pt idx="10365">
                  <c:v>423156.69385174999</c:v>
                </c:pt>
                <c:pt idx="10366">
                  <c:v>423156.69385174999</c:v>
                </c:pt>
                <c:pt idx="10367">
                  <c:v>423156.69385174999</c:v>
                </c:pt>
                <c:pt idx="10368">
                  <c:v>423417.49018110603</c:v>
                </c:pt>
                <c:pt idx="10369">
                  <c:v>423417.49018110603</c:v>
                </c:pt>
                <c:pt idx="10370">
                  <c:v>423417.49018110603</c:v>
                </c:pt>
                <c:pt idx="10371">
                  <c:v>423532.87593171699</c:v>
                </c:pt>
                <c:pt idx="10372">
                  <c:v>423532.87593171699</c:v>
                </c:pt>
                <c:pt idx="10373">
                  <c:v>423699.75617042999</c:v>
                </c:pt>
                <c:pt idx="10374">
                  <c:v>423699.75617042999</c:v>
                </c:pt>
                <c:pt idx="10375">
                  <c:v>423402.98750276101</c:v>
                </c:pt>
                <c:pt idx="10376">
                  <c:v>423402.98750276101</c:v>
                </c:pt>
                <c:pt idx="10377">
                  <c:v>423580.90436393803</c:v>
                </c:pt>
                <c:pt idx="10378">
                  <c:v>423580.90436393803</c:v>
                </c:pt>
                <c:pt idx="10379">
                  <c:v>423580.90436393803</c:v>
                </c:pt>
                <c:pt idx="10380">
                  <c:v>423580.90436393803</c:v>
                </c:pt>
                <c:pt idx="10381">
                  <c:v>423580.90436393803</c:v>
                </c:pt>
                <c:pt idx="10382">
                  <c:v>423580.90436393803</c:v>
                </c:pt>
                <c:pt idx="10383">
                  <c:v>423580.90436393803</c:v>
                </c:pt>
                <c:pt idx="10384">
                  <c:v>423580.90436393803</c:v>
                </c:pt>
                <c:pt idx="10385">
                  <c:v>423580.90436393803</c:v>
                </c:pt>
                <c:pt idx="10386">
                  <c:v>423580.90436393803</c:v>
                </c:pt>
                <c:pt idx="10387">
                  <c:v>423580.90436393803</c:v>
                </c:pt>
                <c:pt idx="10388">
                  <c:v>423580.90436393803</c:v>
                </c:pt>
                <c:pt idx="10389">
                  <c:v>423580.90436393803</c:v>
                </c:pt>
                <c:pt idx="10390">
                  <c:v>423580.90436393803</c:v>
                </c:pt>
                <c:pt idx="10391">
                  <c:v>423580.90436393803</c:v>
                </c:pt>
                <c:pt idx="10392">
                  <c:v>423939.64620887599</c:v>
                </c:pt>
                <c:pt idx="10393">
                  <c:v>423939.64620887599</c:v>
                </c:pt>
                <c:pt idx="10394">
                  <c:v>423939.64620887599</c:v>
                </c:pt>
                <c:pt idx="10395">
                  <c:v>423939.64620887599</c:v>
                </c:pt>
                <c:pt idx="10396">
                  <c:v>423939.64620887599</c:v>
                </c:pt>
                <c:pt idx="10397">
                  <c:v>424240.99429613299</c:v>
                </c:pt>
                <c:pt idx="10398">
                  <c:v>424240.99429613299</c:v>
                </c:pt>
                <c:pt idx="10399">
                  <c:v>424538.00743620301</c:v>
                </c:pt>
                <c:pt idx="10400">
                  <c:v>424538.00743620301</c:v>
                </c:pt>
                <c:pt idx="10401">
                  <c:v>424538.00743620301</c:v>
                </c:pt>
                <c:pt idx="10402">
                  <c:v>424538.00743620301</c:v>
                </c:pt>
                <c:pt idx="10403">
                  <c:v>424538.00743620301</c:v>
                </c:pt>
                <c:pt idx="10404">
                  <c:v>424538.00743620301</c:v>
                </c:pt>
                <c:pt idx="10405">
                  <c:v>424623.70400407002</c:v>
                </c:pt>
                <c:pt idx="10406">
                  <c:v>424623.70400407002</c:v>
                </c:pt>
                <c:pt idx="10407">
                  <c:v>424623.70400407002</c:v>
                </c:pt>
                <c:pt idx="10408">
                  <c:v>424623.70400407002</c:v>
                </c:pt>
                <c:pt idx="10409">
                  <c:v>424623.70400407002</c:v>
                </c:pt>
                <c:pt idx="10410">
                  <c:v>424782.80062721798</c:v>
                </c:pt>
                <c:pt idx="10411">
                  <c:v>424782.80062721798</c:v>
                </c:pt>
                <c:pt idx="10412">
                  <c:v>424782.80062721798</c:v>
                </c:pt>
                <c:pt idx="10413">
                  <c:v>424782.80062721798</c:v>
                </c:pt>
                <c:pt idx="10414">
                  <c:v>424837.04019673</c:v>
                </c:pt>
                <c:pt idx="10415">
                  <c:v>426456.66867568297</c:v>
                </c:pt>
                <c:pt idx="10416">
                  <c:v>426456.66867568297</c:v>
                </c:pt>
                <c:pt idx="10417">
                  <c:v>426456.66867568297</c:v>
                </c:pt>
                <c:pt idx="10418">
                  <c:v>426456.66867568297</c:v>
                </c:pt>
                <c:pt idx="10419">
                  <c:v>426456.66867568297</c:v>
                </c:pt>
                <c:pt idx="10420">
                  <c:v>426456.66867568297</c:v>
                </c:pt>
                <c:pt idx="10421">
                  <c:v>426456.66867568297</c:v>
                </c:pt>
                <c:pt idx="10422">
                  <c:v>426456.66867568297</c:v>
                </c:pt>
                <c:pt idx="10423">
                  <c:v>426456.66867568297</c:v>
                </c:pt>
                <c:pt idx="10424">
                  <c:v>426456.66867568297</c:v>
                </c:pt>
                <c:pt idx="10425">
                  <c:v>426456.66867568297</c:v>
                </c:pt>
                <c:pt idx="10426">
                  <c:v>426456.66867568297</c:v>
                </c:pt>
                <c:pt idx="10427">
                  <c:v>426456.66867568297</c:v>
                </c:pt>
                <c:pt idx="10428">
                  <c:v>426456.66867568297</c:v>
                </c:pt>
                <c:pt idx="10429">
                  <c:v>426456.66867568297</c:v>
                </c:pt>
                <c:pt idx="10430">
                  <c:v>426456.66867568297</c:v>
                </c:pt>
                <c:pt idx="10431">
                  <c:v>426456.66867568297</c:v>
                </c:pt>
                <c:pt idx="10432">
                  <c:v>426456.66867568297</c:v>
                </c:pt>
                <c:pt idx="10433">
                  <c:v>426456.66867568297</c:v>
                </c:pt>
                <c:pt idx="10434">
                  <c:v>426456.66867568297</c:v>
                </c:pt>
                <c:pt idx="10435">
                  <c:v>426456.66867568297</c:v>
                </c:pt>
                <c:pt idx="10436">
                  <c:v>426456.66867568297</c:v>
                </c:pt>
                <c:pt idx="10437">
                  <c:v>426456.66867568297</c:v>
                </c:pt>
                <c:pt idx="10438">
                  <c:v>426456.66867568297</c:v>
                </c:pt>
                <c:pt idx="10439">
                  <c:v>426876.03270900802</c:v>
                </c:pt>
                <c:pt idx="10440">
                  <c:v>426876.03270900802</c:v>
                </c:pt>
                <c:pt idx="10441">
                  <c:v>426876.03270900802</c:v>
                </c:pt>
                <c:pt idx="10442">
                  <c:v>426876.03270900802</c:v>
                </c:pt>
                <c:pt idx="10443">
                  <c:v>427431.49338570802</c:v>
                </c:pt>
                <c:pt idx="10444">
                  <c:v>427431.49338570802</c:v>
                </c:pt>
                <c:pt idx="10445">
                  <c:v>427431.49338570802</c:v>
                </c:pt>
                <c:pt idx="10446">
                  <c:v>427431.49338570802</c:v>
                </c:pt>
                <c:pt idx="10447">
                  <c:v>427775.16964764002</c:v>
                </c:pt>
                <c:pt idx="10448">
                  <c:v>427775.16964764002</c:v>
                </c:pt>
                <c:pt idx="10449">
                  <c:v>427775.16964764002</c:v>
                </c:pt>
                <c:pt idx="10450">
                  <c:v>427775.16964764002</c:v>
                </c:pt>
                <c:pt idx="10451">
                  <c:v>433297.20249648503</c:v>
                </c:pt>
                <c:pt idx="10452">
                  <c:v>433297.20249648503</c:v>
                </c:pt>
                <c:pt idx="10453">
                  <c:v>433297.20249648503</c:v>
                </c:pt>
                <c:pt idx="10454">
                  <c:v>433297.20249648503</c:v>
                </c:pt>
                <c:pt idx="10455">
                  <c:v>433297.20249648503</c:v>
                </c:pt>
                <c:pt idx="10456">
                  <c:v>433297.20249648503</c:v>
                </c:pt>
                <c:pt idx="10457">
                  <c:v>433297.20249648503</c:v>
                </c:pt>
                <c:pt idx="10458">
                  <c:v>433297.20249648503</c:v>
                </c:pt>
                <c:pt idx="10459">
                  <c:v>433297.20249648503</c:v>
                </c:pt>
                <c:pt idx="10460">
                  <c:v>433297.20249648503</c:v>
                </c:pt>
                <c:pt idx="10461">
                  <c:v>433297.20249648503</c:v>
                </c:pt>
                <c:pt idx="10462">
                  <c:v>433297.20249648503</c:v>
                </c:pt>
                <c:pt idx="10463">
                  <c:v>433297.20249648503</c:v>
                </c:pt>
                <c:pt idx="10464">
                  <c:v>433297.20249648503</c:v>
                </c:pt>
                <c:pt idx="10465">
                  <c:v>433297.20249648503</c:v>
                </c:pt>
                <c:pt idx="10466">
                  <c:v>433370.34155878599</c:v>
                </c:pt>
                <c:pt idx="10467">
                  <c:v>433370.34155878599</c:v>
                </c:pt>
                <c:pt idx="10468">
                  <c:v>433981.18059068499</c:v>
                </c:pt>
                <c:pt idx="10469">
                  <c:v>433607.084100787</c:v>
                </c:pt>
                <c:pt idx="10470">
                  <c:v>433607.084100787</c:v>
                </c:pt>
                <c:pt idx="10471">
                  <c:v>433607.084100787</c:v>
                </c:pt>
                <c:pt idx="10472">
                  <c:v>433607.084100787</c:v>
                </c:pt>
                <c:pt idx="10473">
                  <c:v>433607.084100787</c:v>
                </c:pt>
                <c:pt idx="10474">
                  <c:v>433607.084100787</c:v>
                </c:pt>
                <c:pt idx="10475">
                  <c:v>433607.084100787</c:v>
                </c:pt>
                <c:pt idx="10476">
                  <c:v>433607.084100787</c:v>
                </c:pt>
                <c:pt idx="10477">
                  <c:v>433607.084100787</c:v>
                </c:pt>
                <c:pt idx="10478">
                  <c:v>433607.084100787</c:v>
                </c:pt>
                <c:pt idx="10479">
                  <c:v>433607.084100787</c:v>
                </c:pt>
                <c:pt idx="10480">
                  <c:v>433865.74877869303</c:v>
                </c:pt>
                <c:pt idx="10481">
                  <c:v>433865.74877869303</c:v>
                </c:pt>
                <c:pt idx="10482">
                  <c:v>433865.74877869303</c:v>
                </c:pt>
                <c:pt idx="10483">
                  <c:v>433865.74877869303</c:v>
                </c:pt>
                <c:pt idx="10484">
                  <c:v>433865.74877869303</c:v>
                </c:pt>
                <c:pt idx="10485">
                  <c:v>433865.74877869303</c:v>
                </c:pt>
                <c:pt idx="10486">
                  <c:v>433865.74877869303</c:v>
                </c:pt>
                <c:pt idx="10487">
                  <c:v>433865.74877869303</c:v>
                </c:pt>
                <c:pt idx="10488">
                  <c:v>433865.74877869303</c:v>
                </c:pt>
                <c:pt idx="10489">
                  <c:v>433932.94423420099</c:v>
                </c:pt>
                <c:pt idx="10490">
                  <c:v>433932.94423420099</c:v>
                </c:pt>
                <c:pt idx="10491">
                  <c:v>433932.94423420099</c:v>
                </c:pt>
                <c:pt idx="10492">
                  <c:v>433932.94423420099</c:v>
                </c:pt>
                <c:pt idx="10493">
                  <c:v>433932.94423420099</c:v>
                </c:pt>
                <c:pt idx="10494">
                  <c:v>433932.94423420099</c:v>
                </c:pt>
                <c:pt idx="10495">
                  <c:v>433977.23208327201</c:v>
                </c:pt>
                <c:pt idx="10496">
                  <c:v>433977.23208327201</c:v>
                </c:pt>
                <c:pt idx="10497">
                  <c:v>433977.23208327201</c:v>
                </c:pt>
                <c:pt idx="10498">
                  <c:v>433977.23208327201</c:v>
                </c:pt>
                <c:pt idx="10499">
                  <c:v>433977.23208327201</c:v>
                </c:pt>
                <c:pt idx="10500">
                  <c:v>433977.23208327201</c:v>
                </c:pt>
                <c:pt idx="10501">
                  <c:v>433977.23208327201</c:v>
                </c:pt>
                <c:pt idx="10502">
                  <c:v>441171.239684798</c:v>
                </c:pt>
                <c:pt idx="10503">
                  <c:v>441171.239684798</c:v>
                </c:pt>
                <c:pt idx="10504">
                  <c:v>441171.239684798</c:v>
                </c:pt>
                <c:pt idx="10505">
                  <c:v>441171.239684798</c:v>
                </c:pt>
                <c:pt idx="10506">
                  <c:v>441171.239684798</c:v>
                </c:pt>
                <c:pt idx="10507">
                  <c:v>441171.239684798</c:v>
                </c:pt>
                <c:pt idx="10508">
                  <c:v>441171.239684798</c:v>
                </c:pt>
                <c:pt idx="10509">
                  <c:v>441171.239684798</c:v>
                </c:pt>
                <c:pt idx="10510">
                  <c:v>441291.98708963202</c:v>
                </c:pt>
                <c:pt idx="10511">
                  <c:v>441291.98708963202</c:v>
                </c:pt>
                <c:pt idx="10512">
                  <c:v>441291.98708963202</c:v>
                </c:pt>
                <c:pt idx="10513">
                  <c:v>442226.42675632198</c:v>
                </c:pt>
                <c:pt idx="10514">
                  <c:v>442226.42675632198</c:v>
                </c:pt>
                <c:pt idx="10515">
                  <c:v>442226.42675632198</c:v>
                </c:pt>
                <c:pt idx="10516">
                  <c:v>442226.42675632198</c:v>
                </c:pt>
                <c:pt idx="10517">
                  <c:v>442226.42675632198</c:v>
                </c:pt>
                <c:pt idx="10518">
                  <c:v>442226.42675632198</c:v>
                </c:pt>
                <c:pt idx="10519">
                  <c:v>442226.42675632198</c:v>
                </c:pt>
                <c:pt idx="10520">
                  <c:v>442226.42675632198</c:v>
                </c:pt>
                <c:pt idx="10521">
                  <c:v>442226.42675632198</c:v>
                </c:pt>
                <c:pt idx="10522">
                  <c:v>442226.42675632198</c:v>
                </c:pt>
                <c:pt idx="10523">
                  <c:v>442909.030937267</c:v>
                </c:pt>
                <c:pt idx="10524">
                  <c:v>442909.030937267</c:v>
                </c:pt>
                <c:pt idx="10525">
                  <c:v>442909.030937267</c:v>
                </c:pt>
                <c:pt idx="10526">
                  <c:v>442909.030937267</c:v>
                </c:pt>
                <c:pt idx="10527">
                  <c:v>442909.030937267</c:v>
                </c:pt>
                <c:pt idx="10528">
                  <c:v>442307.41425792698</c:v>
                </c:pt>
                <c:pt idx="10529">
                  <c:v>442307.41425792698</c:v>
                </c:pt>
                <c:pt idx="10530">
                  <c:v>442307.41425792698</c:v>
                </c:pt>
                <c:pt idx="10531">
                  <c:v>442307.41425792698</c:v>
                </c:pt>
                <c:pt idx="10532">
                  <c:v>442307.41425792698</c:v>
                </c:pt>
                <c:pt idx="10533">
                  <c:v>443751.05849931698</c:v>
                </c:pt>
                <c:pt idx="10534">
                  <c:v>443751.05849931698</c:v>
                </c:pt>
                <c:pt idx="10535">
                  <c:v>443751.05849931698</c:v>
                </c:pt>
                <c:pt idx="10536">
                  <c:v>443751.05849931698</c:v>
                </c:pt>
                <c:pt idx="10537">
                  <c:v>443751.05849931698</c:v>
                </c:pt>
                <c:pt idx="10538">
                  <c:v>443751.05849931698</c:v>
                </c:pt>
                <c:pt idx="10539">
                  <c:v>443751.05849931698</c:v>
                </c:pt>
                <c:pt idx="10540">
                  <c:v>443751.05849931698</c:v>
                </c:pt>
                <c:pt idx="10541">
                  <c:v>443751.05849931698</c:v>
                </c:pt>
                <c:pt idx="10542">
                  <c:v>443964.47016698698</c:v>
                </c:pt>
                <c:pt idx="10543">
                  <c:v>443964.47016698698</c:v>
                </c:pt>
                <c:pt idx="10544">
                  <c:v>443964.47016698698</c:v>
                </c:pt>
                <c:pt idx="10545">
                  <c:v>443964.47016698698</c:v>
                </c:pt>
                <c:pt idx="10546">
                  <c:v>443964.47016698698</c:v>
                </c:pt>
                <c:pt idx="10547">
                  <c:v>443964.47016698698</c:v>
                </c:pt>
                <c:pt idx="10548">
                  <c:v>443964.47016698698</c:v>
                </c:pt>
                <c:pt idx="10549">
                  <c:v>443964.47016698698</c:v>
                </c:pt>
                <c:pt idx="10550">
                  <c:v>444354.51360754302</c:v>
                </c:pt>
                <c:pt idx="10551">
                  <c:v>444578.82736975898</c:v>
                </c:pt>
                <c:pt idx="10552">
                  <c:v>444578.82736975898</c:v>
                </c:pt>
                <c:pt idx="10553">
                  <c:v>445462.46454580699</c:v>
                </c:pt>
                <c:pt idx="10554">
                  <c:v>445462.46454580699</c:v>
                </c:pt>
                <c:pt idx="10555">
                  <c:v>445462.46454580699</c:v>
                </c:pt>
                <c:pt idx="10556">
                  <c:v>445462.46454580699</c:v>
                </c:pt>
                <c:pt idx="10557">
                  <c:v>445462.46454580699</c:v>
                </c:pt>
                <c:pt idx="10558">
                  <c:v>445462.46454580699</c:v>
                </c:pt>
                <c:pt idx="10559">
                  <c:v>445462.46454580699</c:v>
                </c:pt>
                <c:pt idx="10560">
                  <c:v>447021.85561353399</c:v>
                </c:pt>
                <c:pt idx="10561">
                  <c:v>447143.242763658</c:v>
                </c:pt>
                <c:pt idx="10562">
                  <c:v>447143.242763658</c:v>
                </c:pt>
                <c:pt idx="10563">
                  <c:v>447143.242763658</c:v>
                </c:pt>
                <c:pt idx="10564">
                  <c:v>447143.242763658</c:v>
                </c:pt>
                <c:pt idx="10565">
                  <c:v>447143.242763658</c:v>
                </c:pt>
                <c:pt idx="10566">
                  <c:v>447143.242763658</c:v>
                </c:pt>
                <c:pt idx="10567">
                  <c:v>447143.242763658</c:v>
                </c:pt>
                <c:pt idx="10568">
                  <c:v>447143.242763658</c:v>
                </c:pt>
                <c:pt idx="10569">
                  <c:v>447143.242763658</c:v>
                </c:pt>
                <c:pt idx="10570">
                  <c:v>447143.242763658</c:v>
                </c:pt>
                <c:pt idx="10571">
                  <c:v>446757.27020685602</c:v>
                </c:pt>
                <c:pt idx="10572">
                  <c:v>446757.27020685602</c:v>
                </c:pt>
                <c:pt idx="10573">
                  <c:v>446757.27020685602</c:v>
                </c:pt>
                <c:pt idx="10574">
                  <c:v>446757.27020685602</c:v>
                </c:pt>
                <c:pt idx="10575">
                  <c:v>446757.27020685602</c:v>
                </c:pt>
                <c:pt idx="10576">
                  <c:v>446757.27020685602</c:v>
                </c:pt>
                <c:pt idx="10577">
                  <c:v>446757.27020685602</c:v>
                </c:pt>
                <c:pt idx="10578">
                  <c:v>446757.27020685602</c:v>
                </c:pt>
                <c:pt idx="10579">
                  <c:v>446757.27020685602</c:v>
                </c:pt>
                <c:pt idx="10580">
                  <c:v>446757.27020685602</c:v>
                </c:pt>
                <c:pt idx="10581">
                  <c:v>446757.27020685602</c:v>
                </c:pt>
                <c:pt idx="10582">
                  <c:v>446757.27020685602</c:v>
                </c:pt>
                <c:pt idx="10583">
                  <c:v>446757.27020685602</c:v>
                </c:pt>
                <c:pt idx="10584">
                  <c:v>446757.27020685602</c:v>
                </c:pt>
                <c:pt idx="10585">
                  <c:v>446757.27020685602</c:v>
                </c:pt>
                <c:pt idx="10586">
                  <c:v>446757.27020685602</c:v>
                </c:pt>
                <c:pt idx="10587">
                  <c:v>446757.27020685602</c:v>
                </c:pt>
                <c:pt idx="10588">
                  <c:v>446757.27020685602</c:v>
                </c:pt>
                <c:pt idx="10589">
                  <c:v>446757.27020685602</c:v>
                </c:pt>
                <c:pt idx="10590">
                  <c:v>446757.27020685602</c:v>
                </c:pt>
                <c:pt idx="10591">
                  <c:v>446757.27020685602</c:v>
                </c:pt>
                <c:pt idx="10592">
                  <c:v>446757.27020685602</c:v>
                </c:pt>
                <c:pt idx="10593">
                  <c:v>446757.27020685602</c:v>
                </c:pt>
                <c:pt idx="10594">
                  <c:v>446757.27020685602</c:v>
                </c:pt>
                <c:pt idx="10595">
                  <c:v>446757.27020685602</c:v>
                </c:pt>
                <c:pt idx="10596">
                  <c:v>446757.27020685602</c:v>
                </c:pt>
                <c:pt idx="10597">
                  <c:v>447571.36942322197</c:v>
                </c:pt>
                <c:pt idx="10598">
                  <c:v>447571.36942322197</c:v>
                </c:pt>
                <c:pt idx="10599">
                  <c:v>447571.36942322197</c:v>
                </c:pt>
                <c:pt idx="10600">
                  <c:v>447571.36942322197</c:v>
                </c:pt>
                <c:pt idx="10601">
                  <c:v>447571.36942322197</c:v>
                </c:pt>
                <c:pt idx="10602">
                  <c:v>447571.36942322197</c:v>
                </c:pt>
                <c:pt idx="10603">
                  <c:v>447571.36942322197</c:v>
                </c:pt>
                <c:pt idx="10604">
                  <c:v>447571.36942322197</c:v>
                </c:pt>
                <c:pt idx="10605">
                  <c:v>447571.36942322197</c:v>
                </c:pt>
                <c:pt idx="10606">
                  <c:v>447571.36942322197</c:v>
                </c:pt>
                <c:pt idx="10607">
                  <c:v>447533.163512545</c:v>
                </c:pt>
                <c:pt idx="10608">
                  <c:v>447533.163512545</c:v>
                </c:pt>
                <c:pt idx="10609">
                  <c:v>447533.163512545</c:v>
                </c:pt>
                <c:pt idx="10610">
                  <c:v>447533.163512545</c:v>
                </c:pt>
                <c:pt idx="10611">
                  <c:v>447533.163512545</c:v>
                </c:pt>
                <c:pt idx="10612">
                  <c:v>447533.163512545</c:v>
                </c:pt>
                <c:pt idx="10613">
                  <c:v>447533.163512545</c:v>
                </c:pt>
                <c:pt idx="10614">
                  <c:v>447533.163512545</c:v>
                </c:pt>
                <c:pt idx="10615">
                  <c:v>447533.163512545</c:v>
                </c:pt>
                <c:pt idx="10616">
                  <c:v>447533.163512545</c:v>
                </c:pt>
                <c:pt idx="10617">
                  <c:v>447533.163512545</c:v>
                </c:pt>
                <c:pt idx="10618">
                  <c:v>447533.163512545</c:v>
                </c:pt>
                <c:pt idx="10619">
                  <c:v>449367.477577666</c:v>
                </c:pt>
                <c:pt idx="10620">
                  <c:v>451745.38598170201</c:v>
                </c:pt>
                <c:pt idx="10621">
                  <c:v>451745.38598170201</c:v>
                </c:pt>
                <c:pt idx="10622">
                  <c:v>451745.38598170201</c:v>
                </c:pt>
                <c:pt idx="10623">
                  <c:v>451745.38598170201</c:v>
                </c:pt>
                <c:pt idx="10624">
                  <c:v>451745.38598170201</c:v>
                </c:pt>
                <c:pt idx="10625">
                  <c:v>451745.38598170201</c:v>
                </c:pt>
                <c:pt idx="10626">
                  <c:v>451745.38598170201</c:v>
                </c:pt>
                <c:pt idx="10627">
                  <c:v>451745.38598170201</c:v>
                </c:pt>
                <c:pt idx="10628">
                  <c:v>451745.38598170201</c:v>
                </c:pt>
                <c:pt idx="10629">
                  <c:v>451745.38598170201</c:v>
                </c:pt>
                <c:pt idx="10630">
                  <c:v>451745.38598170201</c:v>
                </c:pt>
                <c:pt idx="10631">
                  <c:v>451745.38598170201</c:v>
                </c:pt>
                <c:pt idx="10632">
                  <c:v>451745.38598170201</c:v>
                </c:pt>
                <c:pt idx="10633">
                  <c:v>451745.38598170201</c:v>
                </c:pt>
                <c:pt idx="10634">
                  <c:v>451745.38598170201</c:v>
                </c:pt>
                <c:pt idx="10635">
                  <c:v>451745.38598170201</c:v>
                </c:pt>
                <c:pt idx="10636">
                  <c:v>453736.58629991597</c:v>
                </c:pt>
                <c:pt idx="10637">
                  <c:v>453736.58629991597</c:v>
                </c:pt>
                <c:pt idx="10638">
                  <c:v>453736.58629991597</c:v>
                </c:pt>
                <c:pt idx="10639">
                  <c:v>453736.58629991597</c:v>
                </c:pt>
                <c:pt idx="10640">
                  <c:v>453736.58629991597</c:v>
                </c:pt>
                <c:pt idx="10641">
                  <c:v>453736.58629991597</c:v>
                </c:pt>
                <c:pt idx="10642">
                  <c:v>453736.58629991597</c:v>
                </c:pt>
                <c:pt idx="10643">
                  <c:v>453736.58629991597</c:v>
                </c:pt>
                <c:pt idx="10644">
                  <c:v>453736.58629991597</c:v>
                </c:pt>
                <c:pt idx="10645">
                  <c:v>453736.58629991597</c:v>
                </c:pt>
                <c:pt idx="10646">
                  <c:v>453736.58629991597</c:v>
                </c:pt>
                <c:pt idx="10647">
                  <c:v>453736.58629991597</c:v>
                </c:pt>
                <c:pt idx="10648">
                  <c:v>453736.58629991597</c:v>
                </c:pt>
                <c:pt idx="10649">
                  <c:v>453736.58629991597</c:v>
                </c:pt>
                <c:pt idx="10650">
                  <c:v>453736.58629991597</c:v>
                </c:pt>
                <c:pt idx="10651">
                  <c:v>453736.58629991597</c:v>
                </c:pt>
                <c:pt idx="10652">
                  <c:v>453736.58629991597</c:v>
                </c:pt>
                <c:pt idx="10653">
                  <c:v>454029.89210762602</c:v>
                </c:pt>
                <c:pt idx="10654">
                  <c:v>454029.89210762602</c:v>
                </c:pt>
                <c:pt idx="10655">
                  <c:v>454029.89210762602</c:v>
                </c:pt>
                <c:pt idx="10656">
                  <c:v>454029.89210762602</c:v>
                </c:pt>
                <c:pt idx="10657">
                  <c:v>454029.89210762602</c:v>
                </c:pt>
                <c:pt idx="10658">
                  <c:v>454179.51449122099</c:v>
                </c:pt>
                <c:pt idx="10659">
                  <c:v>454179.51449122099</c:v>
                </c:pt>
                <c:pt idx="10660">
                  <c:v>454179.51449122099</c:v>
                </c:pt>
                <c:pt idx="10661">
                  <c:v>456079.49264021602</c:v>
                </c:pt>
                <c:pt idx="10662">
                  <c:v>456079.49264021602</c:v>
                </c:pt>
                <c:pt idx="10663">
                  <c:v>456079.49264021602</c:v>
                </c:pt>
                <c:pt idx="10664">
                  <c:v>456047.93689461797</c:v>
                </c:pt>
                <c:pt idx="10665">
                  <c:v>456047.93689461797</c:v>
                </c:pt>
                <c:pt idx="10666">
                  <c:v>456047.93689461797</c:v>
                </c:pt>
                <c:pt idx="10667">
                  <c:v>456047.93689461797</c:v>
                </c:pt>
                <c:pt idx="10668">
                  <c:v>456047.93689461797</c:v>
                </c:pt>
                <c:pt idx="10669">
                  <c:v>456047.93689461797</c:v>
                </c:pt>
                <c:pt idx="10670">
                  <c:v>456047.93689461797</c:v>
                </c:pt>
                <c:pt idx="10671">
                  <c:v>456047.93689461797</c:v>
                </c:pt>
                <c:pt idx="10672">
                  <c:v>456033.77150213701</c:v>
                </c:pt>
                <c:pt idx="10673">
                  <c:v>456999.758503891</c:v>
                </c:pt>
                <c:pt idx="10674">
                  <c:v>456999.758503891</c:v>
                </c:pt>
                <c:pt idx="10675">
                  <c:v>456999.758503891</c:v>
                </c:pt>
                <c:pt idx="10676">
                  <c:v>456999.758503891</c:v>
                </c:pt>
                <c:pt idx="10677">
                  <c:v>456999.758503891</c:v>
                </c:pt>
                <c:pt idx="10678">
                  <c:v>456999.758503891</c:v>
                </c:pt>
                <c:pt idx="10679">
                  <c:v>456999.758503891</c:v>
                </c:pt>
                <c:pt idx="10680">
                  <c:v>456999.758503891</c:v>
                </c:pt>
                <c:pt idx="10681">
                  <c:v>456999.758503891</c:v>
                </c:pt>
                <c:pt idx="10682">
                  <c:v>456999.758503891</c:v>
                </c:pt>
                <c:pt idx="10683">
                  <c:v>456999.758503891</c:v>
                </c:pt>
                <c:pt idx="10684">
                  <c:v>456999.758503891</c:v>
                </c:pt>
                <c:pt idx="10685">
                  <c:v>456999.758503891</c:v>
                </c:pt>
                <c:pt idx="10686">
                  <c:v>456999.758503891</c:v>
                </c:pt>
                <c:pt idx="10687">
                  <c:v>456999.758503891</c:v>
                </c:pt>
                <c:pt idx="10688">
                  <c:v>456999.758503891</c:v>
                </c:pt>
                <c:pt idx="10689">
                  <c:v>457014.699958527</c:v>
                </c:pt>
                <c:pt idx="10690">
                  <c:v>457014.699958527</c:v>
                </c:pt>
                <c:pt idx="10691">
                  <c:v>457014.699958527</c:v>
                </c:pt>
                <c:pt idx="10692">
                  <c:v>457014.699958527</c:v>
                </c:pt>
                <c:pt idx="10693">
                  <c:v>457014.699958527</c:v>
                </c:pt>
                <c:pt idx="10694">
                  <c:v>457014.699958527</c:v>
                </c:pt>
                <c:pt idx="10695">
                  <c:v>457014.699958527</c:v>
                </c:pt>
                <c:pt idx="10696">
                  <c:v>457014.699958527</c:v>
                </c:pt>
                <c:pt idx="10697">
                  <c:v>457647.47319336399</c:v>
                </c:pt>
                <c:pt idx="10698">
                  <c:v>457647.47319336399</c:v>
                </c:pt>
                <c:pt idx="10699">
                  <c:v>457647.47319336399</c:v>
                </c:pt>
                <c:pt idx="10700">
                  <c:v>457647.47319336399</c:v>
                </c:pt>
                <c:pt idx="10701">
                  <c:v>457647.47319336399</c:v>
                </c:pt>
                <c:pt idx="10702">
                  <c:v>457647.47319336399</c:v>
                </c:pt>
                <c:pt idx="10703">
                  <c:v>457647.47319336399</c:v>
                </c:pt>
                <c:pt idx="10704">
                  <c:v>457526.08604323998</c:v>
                </c:pt>
                <c:pt idx="10705">
                  <c:v>457526.08604323998</c:v>
                </c:pt>
                <c:pt idx="10706">
                  <c:v>458350.86822044599</c:v>
                </c:pt>
                <c:pt idx="10707">
                  <c:v>460610.18784233701</c:v>
                </c:pt>
                <c:pt idx="10708">
                  <c:v>460610.18784233701</c:v>
                </c:pt>
                <c:pt idx="10709">
                  <c:v>461219.963026318</c:v>
                </c:pt>
                <c:pt idx="10710">
                  <c:v>461219.963026318</c:v>
                </c:pt>
                <c:pt idx="10711">
                  <c:v>461219.963026318</c:v>
                </c:pt>
                <c:pt idx="10712">
                  <c:v>461219.963026318</c:v>
                </c:pt>
                <c:pt idx="10713">
                  <c:v>461219.963026318</c:v>
                </c:pt>
                <c:pt idx="10714">
                  <c:v>461219.963026318</c:v>
                </c:pt>
                <c:pt idx="10715">
                  <c:v>461219.963026318</c:v>
                </c:pt>
                <c:pt idx="10716">
                  <c:v>461219.963026318</c:v>
                </c:pt>
                <c:pt idx="10717">
                  <c:v>461219.963026318</c:v>
                </c:pt>
                <c:pt idx="10718">
                  <c:v>461219.963026318</c:v>
                </c:pt>
                <c:pt idx="10719">
                  <c:v>461750.51436644699</c:v>
                </c:pt>
                <c:pt idx="10720">
                  <c:v>461750.51436644699</c:v>
                </c:pt>
                <c:pt idx="10721">
                  <c:v>461750.51436644699</c:v>
                </c:pt>
                <c:pt idx="10722">
                  <c:v>461750.51436644699</c:v>
                </c:pt>
                <c:pt idx="10723">
                  <c:v>461750.51436644699</c:v>
                </c:pt>
                <c:pt idx="10724">
                  <c:v>461750.51436644699</c:v>
                </c:pt>
                <c:pt idx="10725">
                  <c:v>463789.64617300202</c:v>
                </c:pt>
                <c:pt idx="10726">
                  <c:v>463789.64617300202</c:v>
                </c:pt>
                <c:pt idx="10727">
                  <c:v>463789.64617300202</c:v>
                </c:pt>
                <c:pt idx="10728">
                  <c:v>463789.64617300202</c:v>
                </c:pt>
                <c:pt idx="10729">
                  <c:v>463789.64617300202</c:v>
                </c:pt>
                <c:pt idx="10730">
                  <c:v>463789.64617300202</c:v>
                </c:pt>
                <c:pt idx="10731">
                  <c:v>463789.64617300202</c:v>
                </c:pt>
                <c:pt idx="10732">
                  <c:v>463789.64617300202</c:v>
                </c:pt>
                <c:pt idx="10733">
                  <c:v>463789.64617300202</c:v>
                </c:pt>
                <c:pt idx="10734">
                  <c:v>463789.64617300202</c:v>
                </c:pt>
                <c:pt idx="10735">
                  <c:v>463789.64617300202</c:v>
                </c:pt>
                <c:pt idx="10736">
                  <c:v>463789.64617300202</c:v>
                </c:pt>
                <c:pt idx="10737">
                  <c:v>463789.64617300202</c:v>
                </c:pt>
                <c:pt idx="10738">
                  <c:v>463789.64617300202</c:v>
                </c:pt>
                <c:pt idx="10739">
                  <c:v>463789.64617300202</c:v>
                </c:pt>
                <c:pt idx="10740">
                  <c:v>463789.64617300202</c:v>
                </c:pt>
                <c:pt idx="10741">
                  <c:v>463789.64617300202</c:v>
                </c:pt>
                <c:pt idx="10742">
                  <c:v>463789.64617300202</c:v>
                </c:pt>
                <c:pt idx="10743">
                  <c:v>464619.471853439</c:v>
                </c:pt>
                <c:pt idx="10744">
                  <c:v>464619.471853439</c:v>
                </c:pt>
                <c:pt idx="10745">
                  <c:v>464619.471853439</c:v>
                </c:pt>
                <c:pt idx="10746">
                  <c:v>464619.471853439</c:v>
                </c:pt>
                <c:pt idx="10747">
                  <c:v>464619.471853439</c:v>
                </c:pt>
                <c:pt idx="10748">
                  <c:v>464619.471853439</c:v>
                </c:pt>
                <c:pt idx="10749">
                  <c:v>464619.471853439</c:v>
                </c:pt>
                <c:pt idx="10750">
                  <c:v>464985.77777493902</c:v>
                </c:pt>
                <c:pt idx="10751">
                  <c:v>464985.77777493902</c:v>
                </c:pt>
                <c:pt idx="10752">
                  <c:v>464985.77777493902</c:v>
                </c:pt>
                <c:pt idx="10753">
                  <c:v>464901.23543091997</c:v>
                </c:pt>
                <c:pt idx="10754">
                  <c:v>464901.23543091997</c:v>
                </c:pt>
                <c:pt idx="10755">
                  <c:v>464901.23543091997</c:v>
                </c:pt>
                <c:pt idx="10756">
                  <c:v>464901.23543091997</c:v>
                </c:pt>
                <c:pt idx="10757">
                  <c:v>464901.23543091997</c:v>
                </c:pt>
                <c:pt idx="10758">
                  <c:v>464901.23543091997</c:v>
                </c:pt>
                <c:pt idx="10759">
                  <c:v>464901.23543091997</c:v>
                </c:pt>
                <c:pt idx="10760">
                  <c:v>464901.23543091997</c:v>
                </c:pt>
                <c:pt idx="10761">
                  <c:v>464944.09773764102</c:v>
                </c:pt>
                <c:pt idx="10762">
                  <c:v>464944.09773764102</c:v>
                </c:pt>
                <c:pt idx="10763">
                  <c:v>464944.09773764102</c:v>
                </c:pt>
                <c:pt idx="10764">
                  <c:v>465403.718170546</c:v>
                </c:pt>
                <c:pt idx="10765">
                  <c:v>465781.06245457003</c:v>
                </c:pt>
                <c:pt idx="10766">
                  <c:v>465781.06245457003</c:v>
                </c:pt>
                <c:pt idx="10767">
                  <c:v>465781.06245457003</c:v>
                </c:pt>
                <c:pt idx="10768">
                  <c:v>465781.06245457003</c:v>
                </c:pt>
                <c:pt idx="10769">
                  <c:v>465893.74753633799</c:v>
                </c:pt>
                <c:pt idx="10770">
                  <c:v>465893.74753633799</c:v>
                </c:pt>
                <c:pt idx="10771">
                  <c:v>465893.74753633799</c:v>
                </c:pt>
                <c:pt idx="10772">
                  <c:v>465893.74753633799</c:v>
                </c:pt>
                <c:pt idx="10773">
                  <c:v>465893.74753633799</c:v>
                </c:pt>
                <c:pt idx="10774">
                  <c:v>465893.74753633799</c:v>
                </c:pt>
                <c:pt idx="10775">
                  <c:v>465893.74753633799</c:v>
                </c:pt>
                <c:pt idx="10776">
                  <c:v>465893.74753633799</c:v>
                </c:pt>
                <c:pt idx="10777">
                  <c:v>465893.74753633799</c:v>
                </c:pt>
                <c:pt idx="10778">
                  <c:v>465893.74753633799</c:v>
                </c:pt>
                <c:pt idx="10779">
                  <c:v>465893.74753633799</c:v>
                </c:pt>
                <c:pt idx="10780">
                  <c:v>465893.74753633799</c:v>
                </c:pt>
                <c:pt idx="10781">
                  <c:v>465893.74753633799</c:v>
                </c:pt>
                <c:pt idx="10782">
                  <c:v>465893.74753633799</c:v>
                </c:pt>
                <c:pt idx="10783">
                  <c:v>465893.74753633799</c:v>
                </c:pt>
                <c:pt idx="10784">
                  <c:v>465893.74753633799</c:v>
                </c:pt>
                <c:pt idx="10785">
                  <c:v>465893.74753633799</c:v>
                </c:pt>
                <c:pt idx="10786">
                  <c:v>465893.74753633799</c:v>
                </c:pt>
                <c:pt idx="10787">
                  <c:v>467064.139074779</c:v>
                </c:pt>
                <c:pt idx="10788">
                  <c:v>467064.139074779</c:v>
                </c:pt>
                <c:pt idx="10789">
                  <c:v>467064.139074779</c:v>
                </c:pt>
                <c:pt idx="10790">
                  <c:v>467246.55773344601</c:v>
                </c:pt>
                <c:pt idx="10791">
                  <c:v>467246.55773344601</c:v>
                </c:pt>
                <c:pt idx="10792">
                  <c:v>467246.55773344601</c:v>
                </c:pt>
                <c:pt idx="10793">
                  <c:v>467246.55773344601</c:v>
                </c:pt>
                <c:pt idx="10794">
                  <c:v>467246.55773344601</c:v>
                </c:pt>
                <c:pt idx="10795">
                  <c:v>467246.55773344601</c:v>
                </c:pt>
                <c:pt idx="10796">
                  <c:v>467246.55773344601</c:v>
                </c:pt>
                <c:pt idx="10797">
                  <c:v>467246.55773344601</c:v>
                </c:pt>
                <c:pt idx="10798">
                  <c:v>467246.55773344601</c:v>
                </c:pt>
                <c:pt idx="10799">
                  <c:v>467246.55773344601</c:v>
                </c:pt>
                <c:pt idx="10800">
                  <c:v>467242.63154144998</c:v>
                </c:pt>
                <c:pt idx="10801">
                  <c:v>467776.11132074997</c:v>
                </c:pt>
                <c:pt idx="10802">
                  <c:v>467776.11132074997</c:v>
                </c:pt>
                <c:pt idx="10803">
                  <c:v>467776.11132074997</c:v>
                </c:pt>
                <c:pt idx="10804">
                  <c:v>467776.11132074997</c:v>
                </c:pt>
                <c:pt idx="10805">
                  <c:v>467776.11132074997</c:v>
                </c:pt>
                <c:pt idx="10806">
                  <c:v>467776.11132074997</c:v>
                </c:pt>
                <c:pt idx="10807">
                  <c:v>467957.45872848801</c:v>
                </c:pt>
                <c:pt idx="10808">
                  <c:v>467957.45872848801</c:v>
                </c:pt>
                <c:pt idx="10809">
                  <c:v>467957.45872848801</c:v>
                </c:pt>
                <c:pt idx="10810">
                  <c:v>467957.45872848801</c:v>
                </c:pt>
                <c:pt idx="10811">
                  <c:v>467957.45872848801</c:v>
                </c:pt>
                <c:pt idx="10812">
                  <c:v>467957.45872848801</c:v>
                </c:pt>
                <c:pt idx="10813">
                  <c:v>467957.45872848801</c:v>
                </c:pt>
                <c:pt idx="10814">
                  <c:v>467957.45872848801</c:v>
                </c:pt>
                <c:pt idx="10815">
                  <c:v>467957.45872848801</c:v>
                </c:pt>
                <c:pt idx="10816">
                  <c:v>467957.45872848801</c:v>
                </c:pt>
                <c:pt idx="10817">
                  <c:v>467957.45872848801</c:v>
                </c:pt>
                <c:pt idx="10818">
                  <c:v>467957.45872848801</c:v>
                </c:pt>
                <c:pt idx="10819">
                  <c:v>467957.45872848801</c:v>
                </c:pt>
                <c:pt idx="10820">
                  <c:v>468424.27601113002</c:v>
                </c:pt>
                <c:pt idx="10821">
                  <c:v>468629.05704472598</c:v>
                </c:pt>
                <c:pt idx="10822">
                  <c:v>468629.05704472598</c:v>
                </c:pt>
                <c:pt idx="10823">
                  <c:v>468971.52922139398</c:v>
                </c:pt>
                <c:pt idx="10824">
                  <c:v>468897.827396465</c:v>
                </c:pt>
                <c:pt idx="10825">
                  <c:v>468897.827396465</c:v>
                </c:pt>
                <c:pt idx="10826">
                  <c:v>468897.827396465</c:v>
                </c:pt>
                <c:pt idx="10827">
                  <c:v>468962.95001228701</c:v>
                </c:pt>
                <c:pt idx="10828">
                  <c:v>471014.25835938298</c:v>
                </c:pt>
                <c:pt idx="10829">
                  <c:v>471014.25835938298</c:v>
                </c:pt>
                <c:pt idx="10830">
                  <c:v>471014.25835938298</c:v>
                </c:pt>
                <c:pt idx="10831">
                  <c:v>471014.25835938298</c:v>
                </c:pt>
                <c:pt idx="10832">
                  <c:v>471014.25835938298</c:v>
                </c:pt>
                <c:pt idx="10833">
                  <c:v>471014.25835938298</c:v>
                </c:pt>
                <c:pt idx="10834">
                  <c:v>471014.25835938298</c:v>
                </c:pt>
                <c:pt idx="10835">
                  <c:v>471014.25835938298</c:v>
                </c:pt>
                <c:pt idx="10836">
                  <c:v>471014.25835938298</c:v>
                </c:pt>
                <c:pt idx="10837">
                  <c:v>471014.25835938298</c:v>
                </c:pt>
                <c:pt idx="10838">
                  <c:v>471014.25835938298</c:v>
                </c:pt>
                <c:pt idx="10839">
                  <c:v>471014.25835938298</c:v>
                </c:pt>
                <c:pt idx="10840">
                  <c:v>471014.25835938298</c:v>
                </c:pt>
                <c:pt idx="10841">
                  <c:v>471010.83297925303</c:v>
                </c:pt>
                <c:pt idx="10842">
                  <c:v>471010.83297925303</c:v>
                </c:pt>
                <c:pt idx="10843">
                  <c:v>471010.83297925303</c:v>
                </c:pt>
                <c:pt idx="10844">
                  <c:v>471010.83297925303</c:v>
                </c:pt>
                <c:pt idx="10845">
                  <c:v>471010.83297925303</c:v>
                </c:pt>
                <c:pt idx="10846">
                  <c:v>471010.83297925303</c:v>
                </c:pt>
                <c:pt idx="10847">
                  <c:v>471010.83297925303</c:v>
                </c:pt>
                <c:pt idx="10848">
                  <c:v>471010.83297925303</c:v>
                </c:pt>
                <c:pt idx="10849">
                  <c:v>471010.83297925303</c:v>
                </c:pt>
                <c:pt idx="10850">
                  <c:v>471426.04836473498</c:v>
                </c:pt>
                <c:pt idx="10851">
                  <c:v>471426.04836473498</c:v>
                </c:pt>
                <c:pt idx="10852">
                  <c:v>471426.04836473498</c:v>
                </c:pt>
                <c:pt idx="10853">
                  <c:v>471426.04836473498</c:v>
                </c:pt>
                <c:pt idx="10854">
                  <c:v>471426.04836473498</c:v>
                </c:pt>
                <c:pt idx="10855">
                  <c:v>471426.04836473498</c:v>
                </c:pt>
                <c:pt idx="10856">
                  <c:v>471426.04836473498</c:v>
                </c:pt>
                <c:pt idx="10857">
                  <c:v>471426.04836473498</c:v>
                </c:pt>
                <c:pt idx="10858">
                  <c:v>471426.04836473498</c:v>
                </c:pt>
                <c:pt idx="10859">
                  <c:v>471426.04836473498</c:v>
                </c:pt>
                <c:pt idx="10860">
                  <c:v>471426.04836473498</c:v>
                </c:pt>
                <c:pt idx="10861">
                  <c:v>471426.04836473498</c:v>
                </c:pt>
                <c:pt idx="10862">
                  <c:v>471426.04836473498</c:v>
                </c:pt>
                <c:pt idx="10863">
                  <c:v>471750.61166733998</c:v>
                </c:pt>
                <c:pt idx="10864">
                  <c:v>471750.61166733998</c:v>
                </c:pt>
                <c:pt idx="10865">
                  <c:v>471750.61166733998</c:v>
                </c:pt>
                <c:pt idx="10866">
                  <c:v>472041.58874596597</c:v>
                </c:pt>
                <c:pt idx="10867">
                  <c:v>472041.58874596597</c:v>
                </c:pt>
                <c:pt idx="10868">
                  <c:v>472041.58874596597</c:v>
                </c:pt>
                <c:pt idx="10869">
                  <c:v>472041.58874596597</c:v>
                </c:pt>
                <c:pt idx="10870">
                  <c:v>472041.58874596597</c:v>
                </c:pt>
                <c:pt idx="10871">
                  <c:v>472041.58874596597</c:v>
                </c:pt>
                <c:pt idx="10872">
                  <c:v>472041.58874596597</c:v>
                </c:pt>
                <c:pt idx="10873">
                  <c:v>472041.58874596597</c:v>
                </c:pt>
                <c:pt idx="10874">
                  <c:v>472041.58874596597</c:v>
                </c:pt>
                <c:pt idx="10875">
                  <c:v>472041.58874596597</c:v>
                </c:pt>
                <c:pt idx="10876">
                  <c:v>472041.58874596597</c:v>
                </c:pt>
                <c:pt idx="10877">
                  <c:v>472041.58874596597</c:v>
                </c:pt>
                <c:pt idx="10878">
                  <c:v>472041.58874596597</c:v>
                </c:pt>
                <c:pt idx="10879">
                  <c:v>472041.58874596597</c:v>
                </c:pt>
                <c:pt idx="10880">
                  <c:v>472041.58874596597</c:v>
                </c:pt>
                <c:pt idx="10881">
                  <c:v>472041.58874596597</c:v>
                </c:pt>
                <c:pt idx="10882">
                  <c:v>472041.58874596597</c:v>
                </c:pt>
                <c:pt idx="10883">
                  <c:v>472041.58874596597</c:v>
                </c:pt>
                <c:pt idx="10884">
                  <c:v>472160.62431392999</c:v>
                </c:pt>
                <c:pt idx="10885">
                  <c:v>472160.62431392999</c:v>
                </c:pt>
                <c:pt idx="10886">
                  <c:v>472160.62431392999</c:v>
                </c:pt>
                <c:pt idx="10887">
                  <c:v>472160.62431392999</c:v>
                </c:pt>
                <c:pt idx="10888">
                  <c:v>472160.62431392999</c:v>
                </c:pt>
                <c:pt idx="10889">
                  <c:v>472160.62431392999</c:v>
                </c:pt>
                <c:pt idx="10890">
                  <c:v>472369.13507393899</c:v>
                </c:pt>
                <c:pt idx="10891">
                  <c:v>472369.13507393899</c:v>
                </c:pt>
                <c:pt idx="10892">
                  <c:v>472369.13507393899</c:v>
                </c:pt>
                <c:pt idx="10893">
                  <c:v>472369.13507393899</c:v>
                </c:pt>
                <c:pt idx="10894">
                  <c:v>472369.13507393899</c:v>
                </c:pt>
                <c:pt idx="10895">
                  <c:v>472369.13507393899</c:v>
                </c:pt>
                <c:pt idx="10896">
                  <c:v>472369.13507393899</c:v>
                </c:pt>
                <c:pt idx="10897">
                  <c:v>472369.13507393899</c:v>
                </c:pt>
                <c:pt idx="10898">
                  <c:v>472369.13507393899</c:v>
                </c:pt>
                <c:pt idx="10899">
                  <c:v>472369.13507393899</c:v>
                </c:pt>
                <c:pt idx="10900">
                  <c:v>472369.13507393899</c:v>
                </c:pt>
                <c:pt idx="10901">
                  <c:v>472369.13507393899</c:v>
                </c:pt>
                <c:pt idx="10902">
                  <c:v>472418.49556867499</c:v>
                </c:pt>
                <c:pt idx="10903">
                  <c:v>472418.49556867499</c:v>
                </c:pt>
                <c:pt idx="10904">
                  <c:v>472418.49556867499</c:v>
                </c:pt>
                <c:pt idx="10905">
                  <c:v>472418.49556867499</c:v>
                </c:pt>
                <c:pt idx="10906">
                  <c:v>472418.49556867499</c:v>
                </c:pt>
                <c:pt idx="10907">
                  <c:v>472418.49556867499</c:v>
                </c:pt>
                <c:pt idx="10908">
                  <c:v>472418.49556867499</c:v>
                </c:pt>
                <c:pt idx="10909">
                  <c:v>472418.49556867499</c:v>
                </c:pt>
                <c:pt idx="10910">
                  <c:v>472275.34168456501</c:v>
                </c:pt>
                <c:pt idx="10911">
                  <c:v>472275.34168456501</c:v>
                </c:pt>
                <c:pt idx="10912">
                  <c:v>472214.22939641401</c:v>
                </c:pt>
                <c:pt idx="10913">
                  <c:v>472214.22939641401</c:v>
                </c:pt>
                <c:pt idx="10914">
                  <c:v>472214.22939641401</c:v>
                </c:pt>
                <c:pt idx="10915">
                  <c:v>472214.22939641401</c:v>
                </c:pt>
                <c:pt idx="10916">
                  <c:v>472214.22939641401</c:v>
                </c:pt>
                <c:pt idx="10917">
                  <c:v>472214.22939641401</c:v>
                </c:pt>
                <c:pt idx="10918">
                  <c:v>472610.41609734501</c:v>
                </c:pt>
                <c:pt idx="10919">
                  <c:v>472610.41609734501</c:v>
                </c:pt>
                <c:pt idx="10920">
                  <c:v>472610.41609734501</c:v>
                </c:pt>
                <c:pt idx="10921">
                  <c:v>472610.41609734501</c:v>
                </c:pt>
                <c:pt idx="10922">
                  <c:v>472610.41609734501</c:v>
                </c:pt>
                <c:pt idx="10923">
                  <c:v>472610.41609734501</c:v>
                </c:pt>
                <c:pt idx="10924">
                  <c:v>472610.41609734501</c:v>
                </c:pt>
                <c:pt idx="10925">
                  <c:v>472982.27981766697</c:v>
                </c:pt>
                <c:pt idx="10926">
                  <c:v>472982.27981766697</c:v>
                </c:pt>
                <c:pt idx="10927">
                  <c:v>472982.27981766697</c:v>
                </c:pt>
                <c:pt idx="10928">
                  <c:v>473713.48398096999</c:v>
                </c:pt>
                <c:pt idx="10929">
                  <c:v>473713.48398096999</c:v>
                </c:pt>
                <c:pt idx="10930">
                  <c:v>473713.48398096999</c:v>
                </c:pt>
                <c:pt idx="10931">
                  <c:v>473713.48398096999</c:v>
                </c:pt>
                <c:pt idx="10932">
                  <c:v>473713.48398096999</c:v>
                </c:pt>
                <c:pt idx="10933">
                  <c:v>473853.50986767001</c:v>
                </c:pt>
                <c:pt idx="10934">
                  <c:v>473853.50986767001</c:v>
                </c:pt>
                <c:pt idx="10935">
                  <c:v>473853.50986767001</c:v>
                </c:pt>
                <c:pt idx="10936">
                  <c:v>473853.50986767001</c:v>
                </c:pt>
                <c:pt idx="10937">
                  <c:v>473853.50986767001</c:v>
                </c:pt>
                <c:pt idx="10938">
                  <c:v>473853.50986767001</c:v>
                </c:pt>
                <c:pt idx="10939">
                  <c:v>473917.95580281201</c:v>
                </c:pt>
                <c:pt idx="10940">
                  <c:v>473917.95580281201</c:v>
                </c:pt>
                <c:pt idx="10941">
                  <c:v>473917.95580281201</c:v>
                </c:pt>
                <c:pt idx="10942">
                  <c:v>473917.95580281201</c:v>
                </c:pt>
                <c:pt idx="10943">
                  <c:v>473917.95580281201</c:v>
                </c:pt>
                <c:pt idx="10944">
                  <c:v>473917.95580281201</c:v>
                </c:pt>
                <c:pt idx="10945">
                  <c:v>473917.95580281201</c:v>
                </c:pt>
                <c:pt idx="10946">
                  <c:v>473917.95580281201</c:v>
                </c:pt>
                <c:pt idx="10947">
                  <c:v>473917.95580281201</c:v>
                </c:pt>
                <c:pt idx="10948">
                  <c:v>473917.95580281201</c:v>
                </c:pt>
                <c:pt idx="10949">
                  <c:v>473917.95580281201</c:v>
                </c:pt>
                <c:pt idx="10950">
                  <c:v>473917.95580281201</c:v>
                </c:pt>
                <c:pt idx="10951">
                  <c:v>473917.95580281201</c:v>
                </c:pt>
                <c:pt idx="10952">
                  <c:v>473917.95580281201</c:v>
                </c:pt>
                <c:pt idx="10953">
                  <c:v>473917.95580281201</c:v>
                </c:pt>
                <c:pt idx="10954">
                  <c:v>473917.95580281201</c:v>
                </c:pt>
                <c:pt idx="10955">
                  <c:v>473917.95580281201</c:v>
                </c:pt>
                <c:pt idx="10956">
                  <c:v>473917.95580281201</c:v>
                </c:pt>
                <c:pt idx="10957">
                  <c:v>473917.95580281201</c:v>
                </c:pt>
                <c:pt idx="10958">
                  <c:v>474075.639699761</c:v>
                </c:pt>
                <c:pt idx="10959">
                  <c:v>474075.639699761</c:v>
                </c:pt>
                <c:pt idx="10960">
                  <c:v>474075.639699761</c:v>
                </c:pt>
                <c:pt idx="10961">
                  <c:v>474075.639699761</c:v>
                </c:pt>
                <c:pt idx="10962">
                  <c:v>474075.639699761</c:v>
                </c:pt>
                <c:pt idx="10963">
                  <c:v>474075.639699761</c:v>
                </c:pt>
                <c:pt idx="10964">
                  <c:v>474075.639699761</c:v>
                </c:pt>
                <c:pt idx="10965">
                  <c:v>474075.639699761</c:v>
                </c:pt>
                <c:pt idx="10966">
                  <c:v>475011.68287418701</c:v>
                </c:pt>
                <c:pt idx="10967">
                  <c:v>475011.68287418701</c:v>
                </c:pt>
                <c:pt idx="10968">
                  <c:v>475011.68287418701</c:v>
                </c:pt>
                <c:pt idx="10969">
                  <c:v>475011.68287418701</c:v>
                </c:pt>
                <c:pt idx="10970">
                  <c:v>475011.68287418701</c:v>
                </c:pt>
                <c:pt idx="10971">
                  <c:v>475011.68287418701</c:v>
                </c:pt>
                <c:pt idx="10972">
                  <c:v>475011.68287418701</c:v>
                </c:pt>
                <c:pt idx="10973">
                  <c:v>475077.38843178598</c:v>
                </c:pt>
                <c:pt idx="10974">
                  <c:v>475077.38843178598</c:v>
                </c:pt>
                <c:pt idx="10975">
                  <c:v>476664.38512907602</c:v>
                </c:pt>
                <c:pt idx="10976">
                  <c:v>476441.90202327399</c:v>
                </c:pt>
                <c:pt idx="10977">
                  <c:v>476441.90202327399</c:v>
                </c:pt>
                <c:pt idx="10978">
                  <c:v>476441.90202327399</c:v>
                </c:pt>
                <c:pt idx="10979">
                  <c:v>476441.90202327399</c:v>
                </c:pt>
                <c:pt idx="10980">
                  <c:v>476441.90202327399</c:v>
                </c:pt>
                <c:pt idx="10981">
                  <c:v>476441.90202327399</c:v>
                </c:pt>
                <c:pt idx="10982">
                  <c:v>476441.90202327399</c:v>
                </c:pt>
                <c:pt idx="10983">
                  <c:v>476441.90202327399</c:v>
                </c:pt>
                <c:pt idx="10984">
                  <c:v>476441.90202327399</c:v>
                </c:pt>
                <c:pt idx="10985">
                  <c:v>476441.90202327399</c:v>
                </c:pt>
                <c:pt idx="10986">
                  <c:v>476441.90202327399</c:v>
                </c:pt>
                <c:pt idx="10987">
                  <c:v>476441.90202327399</c:v>
                </c:pt>
                <c:pt idx="10988">
                  <c:v>476441.90202327399</c:v>
                </c:pt>
                <c:pt idx="10989">
                  <c:v>476441.90202327399</c:v>
                </c:pt>
                <c:pt idx="10990">
                  <c:v>476441.90202327399</c:v>
                </c:pt>
                <c:pt idx="10991">
                  <c:v>476441.90202327399</c:v>
                </c:pt>
                <c:pt idx="10992">
                  <c:v>476441.90202327399</c:v>
                </c:pt>
                <c:pt idx="10993">
                  <c:v>476441.90202327399</c:v>
                </c:pt>
                <c:pt idx="10994">
                  <c:v>476441.90202327399</c:v>
                </c:pt>
                <c:pt idx="10995">
                  <c:v>476441.90202327399</c:v>
                </c:pt>
                <c:pt idx="10996">
                  <c:v>476441.90202327399</c:v>
                </c:pt>
                <c:pt idx="10997">
                  <c:v>476441.90202327399</c:v>
                </c:pt>
                <c:pt idx="10998">
                  <c:v>476441.90202327399</c:v>
                </c:pt>
                <c:pt idx="10999">
                  <c:v>476441.90202327399</c:v>
                </c:pt>
                <c:pt idx="11000">
                  <c:v>476441.90202327399</c:v>
                </c:pt>
                <c:pt idx="11001">
                  <c:v>476469.85438686499</c:v>
                </c:pt>
                <c:pt idx="11002">
                  <c:v>476469.85438686499</c:v>
                </c:pt>
                <c:pt idx="11003">
                  <c:v>476469.85438686499</c:v>
                </c:pt>
                <c:pt idx="11004">
                  <c:v>476469.85438686499</c:v>
                </c:pt>
                <c:pt idx="11005">
                  <c:v>476469.85438686499</c:v>
                </c:pt>
                <c:pt idx="11006">
                  <c:v>477384.358864662</c:v>
                </c:pt>
                <c:pt idx="11007">
                  <c:v>477384.358864662</c:v>
                </c:pt>
                <c:pt idx="11008">
                  <c:v>477384.358864662</c:v>
                </c:pt>
                <c:pt idx="11009">
                  <c:v>477384.358864662</c:v>
                </c:pt>
                <c:pt idx="11010">
                  <c:v>477384.358864662</c:v>
                </c:pt>
                <c:pt idx="11011">
                  <c:v>477384.358864662</c:v>
                </c:pt>
                <c:pt idx="11012">
                  <c:v>477384.358864662</c:v>
                </c:pt>
                <c:pt idx="11013">
                  <c:v>477384.358864662</c:v>
                </c:pt>
                <c:pt idx="11014">
                  <c:v>477384.358864662</c:v>
                </c:pt>
                <c:pt idx="11015">
                  <c:v>477384.358864662</c:v>
                </c:pt>
                <c:pt idx="11016">
                  <c:v>477384.358864662</c:v>
                </c:pt>
                <c:pt idx="11017">
                  <c:v>477384.358864662</c:v>
                </c:pt>
                <c:pt idx="11018">
                  <c:v>477384.358864662</c:v>
                </c:pt>
                <c:pt idx="11019">
                  <c:v>477384.358864662</c:v>
                </c:pt>
                <c:pt idx="11020">
                  <c:v>477384.358864662</c:v>
                </c:pt>
                <c:pt idx="11021">
                  <c:v>477384.358864662</c:v>
                </c:pt>
                <c:pt idx="11022">
                  <c:v>477384.358864662</c:v>
                </c:pt>
                <c:pt idx="11023">
                  <c:v>477384.358864662</c:v>
                </c:pt>
                <c:pt idx="11024">
                  <c:v>477384.358864662</c:v>
                </c:pt>
                <c:pt idx="11025">
                  <c:v>477384.358864662</c:v>
                </c:pt>
                <c:pt idx="11026">
                  <c:v>477384.358864662</c:v>
                </c:pt>
                <c:pt idx="11027">
                  <c:v>477384.358864662</c:v>
                </c:pt>
                <c:pt idx="11028">
                  <c:v>477735.05228071997</c:v>
                </c:pt>
                <c:pt idx="11029">
                  <c:v>480401.02900108002</c:v>
                </c:pt>
                <c:pt idx="11030">
                  <c:v>480401.02900108002</c:v>
                </c:pt>
                <c:pt idx="11031">
                  <c:v>480401.02900108002</c:v>
                </c:pt>
                <c:pt idx="11032">
                  <c:v>480401.02900108002</c:v>
                </c:pt>
                <c:pt idx="11033">
                  <c:v>480401.02900108002</c:v>
                </c:pt>
                <c:pt idx="11034">
                  <c:v>480401.02900108002</c:v>
                </c:pt>
                <c:pt idx="11035">
                  <c:v>480401.02900108002</c:v>
                </c:pt>
                <c:pt idx="11036">
                  <c:v>480401.02900108002</c:v>
                </c:pt>
                <c:pt idx="11037">
                  <c:v>480401.02900108002</c:v>
                </c:pt>
                <c:pt idx="11038">
                  <c:v>480401.02900108002</c:v>
                </c:pt>
                <c:pt idx="11039">
                  <c:v>480401.02900108002</c:v>
                </c:pt>
                <c:pt idx="11040">
                  <c:v>480401.02900108002</c:v>
                </c:pt>
                <c:pt idx="11041">
                  <c:v>480401.02900108002</c:v>
                </c:pt>
                <c:pt idx="11042">
                  <c:v>480401.02900108002</c:v>
                </c:pt>
                <c:pt idx="11043">
                  <c:v>480401.02900108002</c:v>
                </c:pt>
                <c:pt idx="11044">
                  <c:v>480401.02900108002</c:v>
                </c:pt>
                <c:pt idx="11045">
                  <c:v>480401.02900108002</c:v>
                </c:pt>
                <c:pt idx="11046">
                  <c:v>480401.02900108002</c:v>
                </c:pt>
                <c:pt idx="11047">
                  <c:v>480401.02900108002</c:v>
                </c:pt>
                <c:pt idx="11048">
                  <c:v>480401.02900108002</c:v>
                </c:pt>
                <c:pt idx="11049">
                  <c:v>480401.02900108002</c:v>
                </c:pt>
                <c:pt idx="11050">
                  <c:v>480401.02900108002</c:v>
                </c:pt>
                <c:pt idx="11051">
                  <c:v>480401.02900108002</c:v>
                </c:pt>
                <c:pt idx="11052">
                  <c:v>480401.02900108002</c:v>
                </c:pt>
                <c:pt idx="11053">
                  <c:v>480401.02900108002</c:v>
                </c:pt>
                <c:pt idx="11054">
                  <c:v>480401.02900108002</c:v>
                </c:pt>
                <c:pt idx="11055">
                  <c:v>480401.02900108002</c:v>
                </c:pt>
                <c:pt idx="11056">
                  <c:v>480401.02900108002</c:v>
                </c:pt>
                <c:pt idx="11057">
                  <c:v>480401.02900108002</c:v>
                </c:pt>
                <c:pt idx="11058">
                  <c:v>480401.02900108002</c:v>
                </c:pt>
                <c:pt idx="11059">
                  <c:v>480401.02900108002</c:v>
                </c:pt>
                <c:pt idx="11060">
                  <c:v>480401.02900108002</c:v>
                </c:pt>
                <c:pt idx="11061">
                  <c:v>480401.02900108002</c:v>
                </c:pt>
                <c:pt idx="11062">
                  <c:v>480783.64692584903</c:v>
                </c:pt>
                <c:pt idx="11063">
                  <c:v>481486.05531334202</c:v>
                </c:pt>
                <c:pt idx="11064">
                  <c:v>481486.05531334202</c:v>
                </c:pt>
                <c:pt idx="11065">
                  <c:v>481486.05531334202</c:v>
                </c:pt>
                <c:pt idx="11066">
                  <c:v>481486.05531334202</c:v>
                </c:pt>
                <c:pt idx="11067">
                  <c:v>481579.20654148702</c:v>
                </c:pt>
                <c:pt idx="11068">
                  <c:v>481579.20654148702</c:v>
                </c:pt>
                <c:pt idx="11069">
                  <c:v>481579.20654148702</c:v>
                </c:pt>
                <c:pt idx="11070">
                  <c:v>481840.89457256201</c:v>
                </c:pt>
                <c:pt idx="11071">
                  <c:v>481840.89457256201</c:v>
                </c:pt>
                <c:pt idx="11072">
                  <c:v>481840.89457256201</c:v>
                </c:pt>
                <c:pt idx="11073">
                  <c:v>481840.89457256201</c:v>
                </c:pt>
                <c:pt idx="11074">
                  <c:v>481840.89457256201</c:v>
                </c:pt>
                <c:pt idx="11075">
                  <c:v>481840.89457256201</c:v>
                </c:pt>
                <c:pt idx="11076">
                  <c:v>481840.89457256201</c:v>
                </c:pt>
                <c:pt idx="11077">
                  <c:v>481840.89457256201</c:v>
                </c:pt>
                <c:pt idx="11078">
                  <c:v>481840.89457256201</c:v>
                </c:pt>
                <c:pt idx="11079">
                  <c:v>481840.89457256201</c:v>
                </c:pt>
                <c:pt idx="11080">
                  <c:v>481840.89457256201</c:v>
                </c:pt>
                <c:pt idx="11081">
                  <c:v>481840.89457256201</c:v>
                </c:pt>
                <c:pt idx="11082">
                  <c:v>481840.89457256201</c:v>
                </c:pt>
                <c:pt idx="11083">
                  <c:v>481840.89457256201</c:v>
                </c:pt>
                <c:pt idx="11084">
                  <c:v>481840.89457256201</c:v>
                </c:pt>
                <c:pt idx="11085">
                  <c:v>481840.89457256201</c:v>
                </c:pt>
                <c:pt idx="11086">
                  <c:v>481840.89457256201</c:v>
                </c:pt>
                <c:pt idx="11087">
                  <c:v>481840.89457256201</c:v>
                </c:pt>
                <c:pt idx="11088">
                  <c:v>481840.89457256201</c:v>
                </c:pt>
                <c:pt idx="11089">
                  <c:v>481840.89457256201</c:v>
                </c:pt>
                <c:pt idx="11090">
                  <c:v>481840.89457256201</c:v>
                </c:pt>
                <c:pt idx="11091">
                  <c:v>481840.89457256201</c:v>
                </c:pt>
                <c:pt idx="11092">
                  <c:v>481840.89457256201</c:v>
                </c:pt>
                <c:pt idx="11093">
                  <c:v>481840.89457256201</c:v>
                </c:pt>
                <c:pt idx="11094">
                  <c:v>481840.89457256201</c:v>
                </c:pt>
                <c:pt idx="11095">
                  <c:v>482010.84442541498</c:v>
                </c:pt>
                <c:pt idx="11096">
                  <c:v>482010.84442541498</c:v>
                </c:pt>
                <c:pt idx="11097">
                  <c:v>482010.84442541498</c:v>
                </c:pt>
                <c:pt idx="11098">
                  <c:v>482010.84442541498</c:v>
                </c:pt>
                <c:pt idx="11099">
                  <c:v>482010.84442541498</c:v>
                </c:pt>
                <c:pt idx="11100">
                  <c:v>482010.84442541498</c:v>
                </c:pt>
                <c:pt idx="11101">
                  <c:v>482010.84442541498</c:v>
                </c:pt>
                <c:pt idx="11102">
                  <c:v>482010.84442541498</c:v>
                </c:pt>
                <c:pt idx="11103">
                  <c:v>482010.84442541498</c:v>
                </c:pt>
                <c:pt idx="11104">
                  <c:v>482299.93471130601</c:v>
                </c:pt>
                <c:pt idx="11105">
                  <c:v>482299.93471130601</c:v>
                </c:pt>
                <c:pt idx="11106">
                  <c:v>482299.93471130601</c:v>
                </c:pt>
                <c:pt idx="11107">
                  <c:v>482299.93471130601</c:v>
                </c:pt>
                <c:pt idx="11108">
                  <c:v>482299.93471130601</c:v>
                </c:pt>
                <c:pt idx="11109">
                  <c:v>482299.93471130601</c:v>
                </c:pt>
                <c:pt idx="11110">
                  <c:v>482299.93471130601</c:v>
                </c:pt>
                <c:pt idx="11111">
                  <c:v>482299.93471130601</c:v>
                </c:pt>
                <c:pt idx="11112">
                  <c:v>482299.93471130601</c:v>
                </c:pt>
                <c:pt idx="11113">
                  <c:v>482299.93471130601</c:v>
                </c:pt>
                <c:pt idx="11114">
                  <c:v>482299.93471130601</c:v>
                </c:pt>
                <c:pt idx="11115">
                  <c:v>482299.93471130601</c:v>
                </c:pt>
                <c:pt idx="11116">
                  <c:v>482299.93471130601</c:v>
                </c:pt>
                <c:pt idx="11117">
                  <c:v>482299.93471130601</c:v>
                </c:pt>
                <c:pt idx="11118">
                  <c:v>482299.93471130601</c:v>
                </c:pt>
                <c:pt idx="11119">
                  <c:v>482299.93471130601</c:v>
                </c:pt>
                <c:pt idx="11120">
                  <c:v>482299.93471130601</c:v>
                </c:pt>
                <c:pt idx="11121">
                  <c:v>482299.93471130601</c:v>
                </c:pt>
                <c:pt idx="11122">
                  <c:v>482299.93471130601</c:v>
                </c:pt>
                <c:pt idx="11123">
                  <c:v>482299.93471130601</c:v>
                </c:pt>
                <c:pt idx="11124">
                  <c:v>482299.93471130601</c:v>
                </c:pt>
                <c:pt idx="11125">
                  <c:v>482299.93471130601</c:v>
                </c:pt>
                <c:pt idx="11126">
                  <c:v>482299.93471130601</c:v>
                </c:pt>
                <c:pt idx="11127">
                  <c:v>482299.93471130601</c:v>
                </c:pt>
                <c:pt idx="11128">
                  <c:v>482299.93471130601</c:v>
                </c:pt>
                <c:pt idx="11129">
                  <c:v>482299.93471130601</c:v>
                </c:pt>
                <c:pt idx="11130">
                  <c:v>482299.93471130601</c:v>
                </c:pt>
                <c:pt idx="11131">
                  <c:v>482299.93471130601</c:v>
                </c:pt>
                <c:pt idx="11132">
                  <c:v>482299.93471130601</c:v>
                </c:pt>
                <c:pt idx="11133">
                  <c:v>482299.93471130601</c:v>
                </c:pt>
                <c:pt idx="11134">
                  <c:v>482299.93471130601</c:v>
                </c:pt>
                <c:pt idx="11135">
                  <c:v>482299.93471130601</c:v>
                </c:pt>
                <c:pt idx="11136">
                  <c:v>482299.93471130601</c:v>
                </c:pt>
                <c:pt idx="11137">
                  <c:v>482299.93471130601</c:v>
                </c:pt>
                <c:pt idx="11138">
                  <c:v>482299.93471130601</c:v>
                </c:pt>
                <c:pt idx="11139">
                  <c:v>482299.93471130601</c:v>
                </c:pt>
                <c:pt idx="11140">
                  <c:v>482299.93471130601</c:v>
                </c:pt>
                <c:pt idx="11141">
                  <c:v>482299.93471130601</c:v>
                </c:pt>
                <c:pt idx="11142">
                  <c:v>482299.93471130601</c:v>
                </c:pt>
                <c:pt idx="11143">
                  <c:v>482299.93471130601</c:v>
                </c:pt>
                <c:pt idx="11144">
                  <c:v>482299.93471130601</c:v>
                </c:pt>
                <c:pt idx="11145">
                  <c:v>482299.93471130601</c:v>
                </c:pt>
                <c:pt idx="11146">
                  <c:v>482299.93471130601</c:v>
                </c:pt>
                <c:pt idx="11147">
                  <c:v>482299.93471130601</c:v>
                </c:pt>
                <c:pt idx="11148">
                  <c:v>482299.93471130601</c:v>
                </c:pt>
                <c:pt idx="11149">
                  <c:v>482299.93471130601</c:v>
                </c:pt>
                <c:pt idx="11150">
                  <c:v>482299.93471130601</c:v>
                </c:pt>
                <c:pt idx="11151">
                  <c:v>482299.93471130601</c:v>
                </c:pt>
                <c:pt idx="11152">
                  <c:v>483562.841709234</c:v>
                </c:pt>
                <c:pt idx="11153">
                  <c:v>483562.841709234</c:v>
                </c:pt>
                <c:pt idx="11154">
                  <c:v>483562.841709234</c:v>
                </c:pt>
                <c:pt idx="11155">
                  <c:v>483562.841709234</c:v>
                </c:pt>
                <c:pt idx="11156">
                  <c:v>483562.841709234</c:v>
                </c:pt>
                <c:pt idx="11157">
                  <c:v>483562.841709234</c:v>
                </c:pt>
                <c:pt idx="11158">
                  <c:v>483562.841709234</c:v>
                </c:pt>
                <c:pt idx="11159">
                  <c:v>483562.841709234</c:v>
                </c:pt>
                <c:pt idx="11160">
                  <c:v>483680.93934892898</c:v>
                </c:pt>
                <c:pt idx="11161">
                  <c:v>483680.93934892898</c:v>
                </c:pt>
                <c:pt idx="11162">
                  <c:v>483786.06119188701</c:v>
                </c:pt>
                <c:pt idx="11163">
                  <c:v>483786.06119188701</c:v>
                </c:pt>
                <c:pt idx="11164">
                  <c:v>483767.35616454598</c:v>
                </c:pt>
                <c:pt idx="11165">
                  <c:v>483767.35616454598</c:v>
                </c:pt>
                <c:pt idx="11166">
                  <c:v>483767.35616454598</c:v>
                </c:pt>
                <c:pt idx="11167">
                  <c:v>483767.35616454598</c:v>
                </c:pt>
                <c:pt idx="11168">
                  <c:v>484372.31210594298</c:v>
                </c:pt>
                <c:pt idx="11169">
                  <c:v>484372.31210594298</c:v>
                </c:pt>
                <c:pt idx="11170">
                  <c:v>484372.31210594298</c:v>
                </c:pt>
                <c:pt idx="11171">
                  <c:v>484372.31210594298</c:v>
                </c:pt>
                <c:pt idx="11172">
                  <c:v>484372.31210594298</c:v>
                </c:pt>
                <c:pt idx="11173">
                  <c:v>484372.31210594298</c:v>
                </c:pt>
                <c:pt idx="11174">
                  <c:v>484372.31210594298</c:v>
                </c:pt>
                <c:pt idx="11175">
                  <c:v>484554.35456469399</c:v>
                </c:pt>
                <c:pt idx="11176">
                  <c:v>484554.35456469399</c:v>
                </c:pt>
                <c:pt idx="11177">
                  <c:v>484554.35456469399</c:v>
                </c:pt>
                <c:pt idx="11178">
                  <c:v>484554.35456469399</c:v>
                </c:pt>
                <c:pt idx="11179">
                  <c:v>484554.35456469399</c:v>
                </c:pt>
                <c:pt idx="11180">
                  <c:v>484554.35456469399</c:v>
                </c:pt>
                <c:pt idx="11181">
                  <c:v>484554.35456469399</c:v>
                </c:pt>
                <c:pt idx="11182">
                  <c:v>484554.35456469399</c:v>
                </c:pt>
                <c:pt idx="11183">
                  <c:v>484554.35456469399</c:v>
                </c:pt>
                <c:pt idx="11184">
                  <c:v>484554.35456469399</c:v>
                </c:pt>
                <c:pt idx="11185">
                  <c:v>484554.35456469399</c:v>
                </c:pt>
                <c:pt idx="11186">
                  <c:v>484554.35456469399</c:v>
                </c:pt>
                <c:pt idx="11187">
                  <c:v>484554.35456469399</c:v>
                </c:pt>
                <c:pt idx="11188">
                  <c:v>484554.35456469399</c:v>
                </c:pt>
                <c:pt idx="11189">
                  <c:v>484554.35456469399</c:v>
                </c:pt>
                <c:pt idx="11190">
                  <c:v>484554.35456469399</c:v>
                </c:pt>
                <c:pt idx="11191">
                  <c:v>485027.20587539201</c:v>
                </c:pt>
                <c:pt idx="11192">
                  <c:v>485027.20587539201</c:v>
                </c:pt>
                <c:pt idx="11193">
                  <c:v>485027.20587539201</c:v>
                </c:pt>
                <c:pt idx="11194">
                  <c:v>485086.391533655</c:v>
                </c:pt>
                <c:pt idx="11195">
                  <c:v>485086.391533655</c:v>
                </c:pt>
                <c:pt idx="11196">
                  <c:v>485086.391533655</c:v>
                </c:pt>
                <c:pt idx="11197">
                  <c:v>485200.26777088898</c:v>
                </c:pt>
                <c:pt idx="11198">
                  <c:v>485200.26777088898</c:v>
                </c:pt>
                <c:pt idx="11199">
                  <c:v>485200.26777088898</c:v>
                </c:pt>
                <c:pt idx="11200">
                  <c:v>485200.26777088898</c:v>
                </c:pt>
                <c:pt idx="11201">
                  <c:v>485200.26777088898</c:v>
                </c:pt>
                <c:pt idx="11202">
                  <c:v>485200.26777088898</c:v>
                </c:pt>
                <c:pt idx="11203">
                  <c:v>486171.253975484</c:v>
                </c:pt>
                <c:pt idx="11204">
                  <c:v>486171.253975484</c:v>
                </c:pt>
                <c:pt idx="11205">
                  <c:v>486171.253975484</c:v>
                </c:pt>
                <c:pt idx="11206">
                  <c:v>486171.253975484</c:v>
                </c:pt>
                <c:pt idx="11207">
                  <c:v>486171.253975484</c:v>
                </c:pt>
                <c:pt idx="11208">
                  <c:v>486171.253975484</c:v>
                </c:pt>
                <c:pt idx="11209">
                  <c:v>486171.253975484</c:v>
                </c:pt>
                <c:pt idx="11210">
                  <c:v>486171.253975484</c:v>
                </c:pt>
                <c:pt idx="11211">
                  <c:v>486171.253975484</c:v>
                </c:pt>
                <c:pt idx="11212">
                  <c:v>486171.253975484</c:v>
                </c:pt>
                <c:pt idx="11213">
                  <c:v>486171.253975484</c:v>
                </c:pt>
                <c:pt idx="11214">
                  <c:v>486171.253975484</c:v>
                </c:pt>
                <c:pt idx="11215">
                  <c:v>486171.253975484</c:v>
                </c:pt>
                <c:pt idx="11216">
                  <c:v>486171.253975484</c:v>
                </c:pt>
                <c:pt idx="11217">
                  <c:v>486171.253975484</c:v>
                </c:pt>
                <c:pt idx="11218">
                  <c:v>486032.89959328098</c:v>
                </c:pt>
                <c:pt idx="11219">
                  <c:v>486032.89959328098</c:v>
                </c:pt>
                <c:pt idx="11220">
                  <c:v>486354.78989636898</c:v>
                </c:pt>
                <c:pt idx="11221">
                  <c:v>486354.78989636898</c:v>
                </c:pt>
                <c:pt idx="11222">
                  <c:v>486944.039312632</c:v>
                </c:pt>
                <c:pt idx="11223">
                  <c:v>486944.039312632</c:v>
                </c:pt>
                <c:pt idx="11224">
                  <c:v>486944.039312632</c:v>
                </c:pt>
                <c:pt idx="11225">
                  <c:v>486944.039312632</c:v>
                </c:pt>
                <c:pt idx="11226">
                  <c:v>487439.41760927701</c:v>
                </c:pt>
                <c:pt idx="11227">
                  <c:v>487439.41760927701</c:v>
                </c:pt>
                <c:pt idx="11228">
                  <c:v>487439.41760927701</c:v>
                </c:pt>
                <c:pt idx="11229">
                  <c:v>487439.41760927701</c:v>
                </c:pt>
                <c:pt idx="11230">
                  <c:v>487439.41760927701</c:v>
                </c:pt>
                <c:pt idx="11231">
                  <c:v>487439.41760927701</c:v>
                </c:pt>
                <c:pt idx="11232">
                  <c:v>487439.41760927701</c:v>
                </c:pt>
                <c:pt idx="11233">
                  <c:v>487439.41760927701</c:v>
                </c:pt>
                <c:pt idx="11234">
                  <c:v>487439.41760927701</c:v>
                </c:pt>
                <c:pt idx="11235">
                  <c:v>487439.41760927701</c:v>
                </c:pt>
                <c:pt idx="11236">
                  <c:v>487439.41760927701</c:v>
                </c:pt>
                <c:pt idx="11237">
                  <c:v>487439.41760927701</c:v>
                </c:pt>
                <c:pt idx="11238">
                  <c:v>487439.41760927701</c:v>
                </c:pt>
                <c:pt idx="11239">
                  <c:v>487439.41760927701</c:v>
                </c:pt>
                <c:pt idx="11240">
                  <c:v>487439.41760927701</c:v>
                </c:pt>
                <c:pt idx="11241">
                  <c:v>487439.41760927701</c:v>
                </c:pt>
                <c:pt idx="11242">
                  <c:v>487439.41760927701</c:v>
                </c:pt>
                <c:pt idx="11243">
                  <c:v>487439.41760927701</c:v>
                </c:pt>
                <c:pt idx="11244">
                  <c:v>489552.003183213</c:v>
                </c:pt>
                <c:pt idx="11245">
                  <c:v>489552.003183213</c:v>
                </c:pt>
                <c:pt idx="11246">
                  <c:v>489552.003183213</c:v>
                </c:pt>
                <c:pt idx="11247">
                  <c:v>489552.003183213</c:v>
                </c:pt>
                <c:pt idx="11248">
                  <c:v>489552.003183213</c:v>
                </c:pt>
                <c:pt idx="11249">
                  <c:v>490935.65707300202</c:v>
                </c:pt>
                <c:pt idx="11250">
                  <c:v>490935.65707300202</c:v>
                </c:pt>
                <c:pt idx="11251">
                  <c:v>490935.65707300202</c:v>
                </c:pt>
                <c:pt idx="11252">
                  <c:v>490935.65707300202</c:v>
                </c:pt>
                <c:pt idx="11253">
                  <c:v>490935.65707300202</c:v>
                </c:pt>
                <c:pt idx="11254">
                  <c:v>490935.65707300202</c:v>
                </c:pt>
                <c:pt idx="11255">
                  <c:v>490935.65707300202</c:v>
                </c:pt>
                <c:pt idx="11256">
                  <c:v>490935.65707300202</c:v>
                </c:pt>
                <c:pt idx="11257">
                  <c:v>490935.65707300202</c:v>
                </c:pt>
                <c:pt idx="11258">
                  <c:v>490935.65707300202</c:v>
                </c:pt>
                <c:pt idx="11259">
                  <c:v>490935.65707300202</c:v>
                </c:pt>
                <c:pt idx="11260">
                  <c:v>490935.65707300202</c:v>
                </c:pt>
                <c:pt idx="11261">
                  <c:v>490935.65707300202</c:v>
                </c:pt>
                <c:pt idx="11262">
                  <c:v>490935.65707300202</c:v>
                </c:pt>
                <c:pt idx="11263">
                  <c:v>490935.65707300202</c:v>
                </c:pt>
                <c:pt idx="11264">
                  <c:v>490935.65707300202</c:v>
                </c:pt>
                <c:pt idx="11265">
                  <c:v>490935.65707300202</c:v>
                </c:pt>
                <c:pt idx="11266">
                  <c:v>491971.18166671798</c:v>
                </c:pt>
                <c:pt idx="11267">
                  <c:v>491971.18166671798</c:v>
                </c:pt>
                <c:pt idx="11268">
                  <c:v>491971.18166671798</c:v>
                </c:pt>
                <c:pt idx="11269">
                  <c:v>491971.18166671798</c:v>
                </c:pt>
                <c:pt idx="11270">
                  <c:v>491971.18166671798</c:v>
                </c:pt>
                <c:pt idx="11271">
                  <c:v>491971.18166671798</c:v>
                </c:pt>
                <c:pt idx="11272">
                  <c:v>491971.18166671798</c:v>
                </c:pt>
                <c:pt idx="11273">
                  <c:v>491971.18166671798</c:v>
                </c:pt>
                <c:pt idx="11274">
                  <c:v>491971.18166671798</c:v>
                </c:pt>
                <c:pt idx="11275">
                  <c:v>491971.18166671798</c:v>
                </c:pt>
                <c:pt idx="11276">
                  <c:v>491971.18166671798</c:v>
                </c:pt>
                <c:pt idx="11277">
                  <c:v>491971.18166671798</c:v>
                </c:pt>
                <c:pt idx="11278">
                  <c:v>491971.18166671798</c:v>
                </c:pt>
                <c:pt idx="11279">
                  <c:v>491971.18166671798</c:v>
                </c:pt>
                <c:pt idx="11280">
                  <c:v>491971.18166671798</c:v>
                </c:pt>
                <c:pt idx="11281">
                  <c:v>491971.18166671798</c:v>
                </c:pt>
                <c:pt idx="11282">
                  <c:v>491971.18166671798</c:v>
                </c:pt>
                <c:pt idx="11283">
                  <c:v>491971.18166671798</c:v>
                </c:pt>
                <c:pt idx="11284">
                  <c:v>491971.18166671798</c:v>
                </c:pt>
                <c:pt idx="11285">
                  <c:v>491971.18166671798</c:v>
                </c:pt>
                <c:pt idx="11286">
                  <c:v>491971.18166671798</c:v>
                </c:pt>
                <c:pt idx="11287">
                  <c:v>491971.18166671798</c:v>
                </c:pt>
                <c:pt idx="11288">
                  <c:v>491971.18166671798</c:v>
                </c:pt>
                <c:pt idx="11289">
                  <c:v>491971.18166671798</c:v>
                </c:pt>
                <c:pt idx="11290">
                  <c:v>492549.42077912902</c:v>
                </c:pt>
                <c:pt idx="11291">
                  <c:v>492549.42077912902</c:v>
                </c:pt>
                <c:pt idx="11292">
                  <c:v>492549.42077912902</c:v>
                </c:pt>
                <c:pt idx="11293">
                  <c:v>492549.42077912902</c:v>
                </c:pt>
                <c:pt idx="11294">
                  <c:v>492549.42077912902</c:v>
                </c:pt>
                <c:pt idx="11295">
                  <c:v>492549.42077912902</c:v>
                </c:pt>
                <c:pt idx="11296">
                  <c:v>492549.42077912902</c:v>
                </c:pt>
                <c:pt idx="11297">
                  <c:v>492549.42077912902</c:v>
                </c:pt>
                <c:pt idx="11298">
                  <c:v>492549.42077912902</c:v>
                </c:pt>
                <c:pt idx="11299">
                  <c:v>492549.42077912902</c:v>
                </c:pt>
                <c:pt idx="11300">
                  <c:v>492549.42077912902</c:v>
                </c:pt>
                <c:pt idx="11301">
                  <c:v>492549.42077912902</c:v>
                </c:pt>
                <c:pt idx="11302">
                  <c:v>492549.42077912902</c:v>
                </c:pt>
                <c:pt idx="11303">
                  <c:v>492549.42077912902</c:v>
                </c:pt>
                <c:pt idx="11304">
                  <c:v>492549.42077912902</c:v>
                </c:pt>
                <c:pt idx="11305">
                  <c:v>492549.42077912902</c:v>
                </c:pt>
                <c:pt idx="11306">
                  <c:v>492549.42077912902</c:v>
                </c:pt>
                <c:pt idx="11307">
                  <c:v>492549.42077912902</c:v>
                </c:pt>
                <c:pt idx="11308">
                  <c:v>492549.42077912902</c:v>
                </c:pt>
                <c:pt idx="11309">
                  <c:v>493399.13030610501</c:v>
                </c:pt>
                <c:pt idx="11310">
                  <c:v>493399.13030610501</c:v>
                </c:pt>
                <c:pt idx="11311">
                  <c:v>493399.13030610501</c:v>
                </c:pt>
                <c:pt idx="11312">
                  <c:v>493399.13030610501</c:v>
                </c:pt>
                <c:pt idx="11313">
                  <c:v>493399.13030610501</c:v>
                </c:pt>
                <c:pt idx="11314">
                  <c:v>493399.13030610501</c:v>
                </c:pt>
                <c:pt idx="11315">
                  <c:v>493399.13030610501</c:v>
                </c:pt>
                <c:pt idx="11316">
                  <c:v>493399.13030610501</c:v>
                </c:pt>
                <c:pt idx="11317">
                  <c:v>493399.13030610501</c:v>
                </c:pt>
                <c:pt idx="11318">
                  <c:v>493399.13030610501</c:v>
                </c:pt>
                <c:pt idx="11319">
                  <c:v>493399.13030610501</c:v>
                </c:pt>
                <c:pt idx="11320">
                  <c:v>493399.13030610501</c:v>
                </c:pt>
                <c:pt idx="11321">
                  <c:v>493399.13030610501</c:v>
                </c:pt>
                <c:pt idx="11322">
                  <c:v>493399.13030610501</c:v>
                </c:pt>
                <c:pt idx="11323">
                  <c:v>493399.13030610501</c:v>
                </c:pt>
                <c:pt idx="11324">
                  <c:v>493399.13030610501</c:v>
                </c:pt>
                <c:pt idx="11325">
                  <c:v>493399.13030610501</c:v>
                </c:pt>
                <c:pt idx="11326">
                  <c:v>493399.13030610501</c:v>
                </c:pt>
                <c:pt idx="11327">
                  <c:v>493399.13030610501</c:v>
                </c:pt>
                <c:pt idx="11328">
                  <c:v>493399.13030610501</c:v>
                </c:pt>
                <c:pt idx="11329">
                  <c:v>493399.13030610501</c:v>
                </c:pt>
                <c:pt idx="11330">
                  <c:v>493399.13030610501</c:v>
                </c:pt>
                <c:pt idx="11331">
                  <c:v>493399.13030610501</c:v>
                </c:pt>
                <c:pt idx="11332">
                  <c:v>493399.13030610501</c:v>
                </c:pt>
                <c:pt idx="11333">
                  <c:v>493399.13030610501</c:v>
                </c:pt>
                <c:pt idx="11334">
                  <c:v>493399.13030610501</c:v>
                </c:pt>
                <c:pt idx="11335">
                  <c:v>493399.13030610501</c:v>
                </c:pt>
                <c:pt idx="11336">
                  <c:v>493399.13030610501</c:v>
                </c:pt>
                <c:pt idx="11337">
                  <c:v>493399.13030610501</c:v>
                </c:pt>
                <c:pt idx="11338">
                  <c:v>493399.13030610501</c:v>
                </c:pt>
                <c:pt idx="11339">
                  <c:v>494237.76873522298</c:v>
                </c:pt>
                <c:pt idx="11340">
                  <c:v>494237.76873522298</c:v>
                </c:pt>
                <c:pt idx="11341">
                  <c:v>494237.76873522298</c:v>
                </c:pt>
                <c:pt idx="11342">
                  <c:v>494237.76873522298</c:v>
                </c:pt>
                <c:pt idx="11343">
                  <c:v>494237.76873522298</c:v>
                </c:pt>
                <c:pt idx="11344">
                  <c:v>494237.76873522298</c:v>
                </c:pt>
                <c:pt idx="11345">
                  <c:v>494237.76873522298</c:v>
                </c:pt>
                <c:pt idx="11346">
                  <c:v>494237.76873522298</c:v>
                </c:pt>
                <c:pt idx="11347">
                  <c:v>494237.76873522298</c:v>
                </c:pt>
                <c:pt idx="11348">
                  <c:v>494237.76873522298</c:v>
                </c:pt>
                <c:pt idx="11349">
                  <c:v>494237.76873522298</c:v>
                </c:pt>
                <c:pt idx="11350">
                  <c:v>494237.76873522298</c:v>
                </c:pt>
                <c:pt idx="11351">
                  <c:v>494237.76873522298</c:v>
                </c:pt>
                <c:pt idx="11352">
                  <c:v>494237.76873522298</c:v>
                </c:pt>
                <c:pt idx="11353">
                  <c:v>494237.76873522298</c:v>
                </c:pt>
                <c:pt idx="11354">
                  <c:v>494237.76873522298</c:v>
                </c:pt>
                <c:pt idx="11355">
                  <c:v>494237.76873522298</c:v>
                </c:pt>
                <c:pt idx="11356">
                  <c:v>494237.76873522298</c:v>
                </c:pt>
                <c:pt idx="11357">
                  <c:v>494237.76873522298</c:v>
                </c:pt>
                <c:pt idx="11358">
                  <c:v>494237.76873522298</c:v>
                </c:pt>
                <c:pt idx="11359">
                  <c:v>494237.76873522298</c:v>
                </c:pt>
                <c:pt idx="11360">
                  <c:v>494237.76873522298</c:v>
                </c:pt>
                <c:pt idx="11361">
                  <c:v>494237.76873522298</c:v>
                </c:pt>
                <c:pt idx="11362">
                  <c:v>494237.76873522298</c:v>
                </c:pt>
                <c:pt idx="11363">
                  <c:v>494237.76873522298</c:v>
                </c:pt>
                <c:pt idx="11364">
                  <c:v>494603.63859563798</c:v>
                </c:pt>
                <c:pt idx="11365">
                  <c:v>494930.16188384203</c:v>
                </c:pt>
                <c:pt idx="11366">
                  <c:v>494930.16188384203</c:v>
                </c:pt>
                <c:pt idx="11367">
                  <c:v>494930.16188384203</c:v>
                </c:pt>
                <c:pt idx="11368">
                  <c:v>494930.16188384203</c:v>
                </c:pt>
                <c:pt idx="11369">
                  <c:v>494930.16188384203</c:v>
                </c:pt>
                <c:pt idx="11370">
                  <c:v>494930.16188384203</c:v>
                </c:pt>
                <c:pt idx="11371">
                  <c:v>494930.16188384203</c:v>
                </c:pt>
                <c:pt idx="11372">
                  <c:v>494930.16188384203</c:v>
                </c:pt>
                <c:pt idx="11373">
                  <c:v>494930.16188384203</c:v>
                </c:pt>
                <c:pt idx="11374">
                  <c:v>494930.16188384203</c:v>
                </c:pt>
                <c:pt idx="11375">
                  <c:v>494930.16188384203</c:v>
                </c:pt>
                <c:pt idx="11376">
                  <c:v>494930.16188384203</c:v>
                </c:pt>
                <c:pt idx="11377">
                  <c:v>494930.16188384203</c:v>
                </c:pt>
                <c:pt idx="11378">
                  <c:v>494930.16188384203</c:v>
                </c:pt>
                <c:pt idx="11379">
                  <c:v>494930.16188384203</c:v>
                </c:pt>
                <c:pt idx="11380">
                  <c:v>494930.16188384203</c:v>
                </c:pt>
                <c:pt idx="11381">
                  <c:v>494930.16188384203</c:v>
                </c:pt>
                <c:pt idx="11382">
                  <c:v>494930.16188384203</c:v>
                </c:pt>
                <c:pt idx="11383">
                  <c:v>494930.16188384203</c:v>
                </c:pt>
                <c:pt idx="11384">
                  <c:v>494930.16188384203</c:v>
                </c:pt>
                <c:pt idx="11385">
                  <c:v>494930.16188384203</c:v>
                </c:pt>
                <c:pt idx="11386">
                  <c:v>494930.16188384203</c:v>
                </c:pt>
                <c:pt idx="11387">
                  <c:v>494930.16188384203</c:v>
                </c:pt>
                <c:pt idx="11388">
                  <c:v>495926.52176490199</c:v>
                </c:pt>
                <c:pt idx="11389">
                  <c:v>495926.52176490199</c:v>
                </c:pt>
                <c:pt idx="11390">
                  <c:v>495926.52176490199</c:v>
                </c:pt>
                <c:pt idx="11391">
                  <c:v>495926.52176490199</c:v>
                </c:pt>
                <c:pt idx="11392">
                  <c:v>495926.52176490199</c:v>
                </c:pt>
                <c:pt idx="11393">
                  <c:v>495926.52176490199</c:v>
                </c:pt>
                <c:pt idx="11394">
                  <c:v>495926.52176490199</c:v>
                </c:pt>
                <c:pt idx="11395">
                  <c:v>495926.52176490199</c:v>
                </c:pt>
                <c:pt idx="11396">
                  <c:v>495926.52176490199</c:v>
                </c:pt>
                <c:pt idx="11397">
                  <c:v>495926.52176490199</c:v>
                </c:pt>
                <c:pt idx="11398">
                  <c:v>495926.52176490199</c:v>
                </c:pt>
                <c:pt idx="11399">
                  <c:v>495926.52176490199</c:v>
                </c:pt>
                <c:pt idx="11400">
                  <c:v>495926.52176490199</c:v>
                </c:pt>
                <c:pt idx="11401">
                  <c:v>498327.02909578901</c:v>
                </c:pt>
                <c:pt idx="11402">
                  <c:v>498327.02909578901</c:v>
                </c:pt>
                <c:pt idx="11403">
                  <c:v>498327.02909578901</c:v>
                </c:pt>
                <c:pt idx="11404">
                  <c:v>498327.02909578901</c:v>
                </c:pt>
                <c:pt idx="11405">
                  <c:v>498327.02909578901</c:v>
                </c:pt>
                <c:pt idx="11406">
                  <c:v>498327.02909578901</c:v>
                </c:pt>
                <c:pt idx="11407">
                  <c:v>498327.02909578901</c:v>
                </c:pt>
                <c:pt idx="11408">
                  <c:v>498327.02909578901</c:v>
                </c:pt>
                <c:pt idx="11409">
                  <c:v>498327.02909578901</c:v>
                </c:pt>
                <c:pt idx="11410">
                  <c:v>498327.02909578901</c:v>
                </c:pt>
                <c:pt idx="11411">
                  <c:v>498327.02909578901</c:v>
                </c:pt>
                <c:pt idx="11412">
                  <c:v>498327.02909578901</c:v>
                </c:pt>
                <c:pt idx="11413">
                  <c:v>498327.02909578901</c:v>
                </c:pt>
                <c:pt idx="11414">
                  <c:v>499365.46913343802</c:v>
                </c:pt>
                <c:pt idx="11415">
                  <c:v>499365.46913343802</c:v>
                </c:pt>
                <c:pt idx="11416">
                  <c:v>499365.46913343802</c:v>
                </c:pt>
                <c:pt idx="11417">
                  <c:v>499365.46913343802</c:v>
                </c:pt>
                <c:pt idx="11418">
                  <c:v>499365.46913343802</c:v>
                </c:pt>
                <c:pt idx="11419">
                  <c:v>499365.46913343802</c:v>
                </c:pt>
                <c:pt idx="11420">
                  <c:v>499365.46913343802</c:v>
                </c:pt>
                <c:pt idx="11421">
                  <c:v>500472.36034700403</c:v>
                </c:pt>
                <c:pt idx="11422">
                  <c:v>500472.36034700403</c:v>
                </c:pt>
                <c:pt idx="11423">
                  <c:v>500472.36034700403</c:v>
                </c:pt>
                <c:pt idx="11424">
                  <c:v>500472.36034700403</c:v>
                </c:pt>
                <c:pt idx="11425">
                  <c:v>500472.36034700403</c:v>
                </c:pt>
                <c:pt idx="11426">
                  <c:v>500472.36034700403</c:v>
                </c:pt>
                <c:pt idx="11427">
                  <c:v>500472.36034700403</c:v>
                </c:pt>
                <c:pt idx="11428">
                  <c:v>500472.36034700403</c:v>
                </c:pt>
                <c:pt idx="11429">
                  <c:v>500472.36034700403</c:v>
                </c:pt>
                <c:pt idx="11430">
                  <c:v>500472.36034700403</c:v>
                </c:pt>
                <c:pt idx="11431">
                  <c:v>500472.36034700403</c:v>
                </c:pt>
                <c:pt idx="11432">
                  <c:v>501389.20683545101</c:v>
                </c:pt>
                <c:pt idx="11433">
                  <c:v>501389.20683545101</c:v>
                </c:pt>
                <c:pt idx="11434">
                  <c:v>501389.20683545101</c:v>
                </c:pt>
                <c:pt idx="11435">
                  <c:v>501389.20683545101</c:v>
                </c:pt>
                <c:pt idx="11436">
                  <c:v>501389.20683545101</c:v>
                </c:pt>
                <c:pt idx="11437">
                  <c:v>501389.20683545101</c:v>
                </c:pt>
                <c:pt idx="11438">
                  <c:v>501389.20683545101</c:v>
                </c:pt>
                <c:pt idx="11439">
                  <c:v>501389.20683545101</c:v>
                </c:pt>
                <c:pt idx="11440">
                  <c:v>501389.20683545101</c:v>
                </c:pt>
                <c:pt idx="11441">
                  <c:v>502049.32844701898</c:v>
                </c:pt>
                <c:pt idx="11442">
                  <c:v>502049.32844701898</c:v>
                </c:pt>
                <c:pt idx="11443">
                  <c:v>502049.32844701898</c:v>
                </c:pt>
                <c:pt idx="11444">
                  <c:v>502049.32844701898</c:v>
                </c:pt>
                <c:pt idx="11445">
                  <c:v>502049.32844701898</c:v>
                </c:pt>
                <c:pt idx="11446">
                  <c:v>502049.32844701898</c:v>
                </c:pt>
                <c:pt idx="11447">
                  <c:v>502049.32844701898</c:v>
                </c:pt>
                <c:pt idx="11448">
                  <c:v>502049.32844701898</c:v>
                </c:pt>
                <c:pt idx="11449">
                  <c:v>502049.32844701898</c:v>
                </c:pt>
                <c:pt idx="11450">
                  <c:v>502049.32844701898</c:v>
                </c:pt>
                <c:pt idx="11451">
                  <c:v>502049.32844701898</c:v>
                </c:pt>
                <c:pt idx="11452">
                  <c:v>507447.77831518801</c:v>
                </c:pt>
                <c:pt idx="11453">
                  <c:v>508657.852123291</c:v>
                </c:pt>
                <c:pt idx="11454">
                  <c:v>508657.852123291</c:v>
                </c:pt>
                <c:pt idx="11455">
                  <c:v>508657.852123291</c:v>
                </c:pt>
                <c:pt idx="11456">
                  <c:v>508657.852123291</c:v>
                </c:pt>
                <c:pt idx="11457">
                  <c:v>508657.852123291</c:v>
                </c:pt>
                <c:pt idx="11458">
                  <c:v>508657.852123291</c:v>
                </c:pt>
                <c:pt idx="11459">
                  <c:v>508657.852123291</c:v>
                </c:pt>
                <c:pt idx="11460">
                  <c:v>508657.852123291</c:v>
                </c:pt>
                <c:pt idx="11461">
                  <c:v>508657.852123291</c:v>
                </c:pt>
                <c:pt idx="11462">
                  <c:v>508657.852123291</c:v>
                </c:pt>
                <c:pt idx="11463">
                  <c:v>508657.852123291</c:v>
                </c:pt>
                <c:pt idx="11464">
                  <c:v>508657.852123291</c:v>
                </c:pt>
                <c:pt idx="11465">
                  <c:v>508657.852123291</c:v>
                </c:pt>
                <c:pt idx="11466">
                  <c:v>508657.852123291</c:v>
                </c:pt>
                <c:pt idx="11467">
                  <c:v>508657.852123291</c:v>
                </c:pt>
                <c:pt idx="11468">
                  <c:v>508657.852123291</c:v>
                </c:pt>
                <c:pt idx="11469">
                  <c:v>509214.338930303</c:v>
                </c:pt>
                <c:pt idx="11470">
                  <c:v>509214.338930303</c:v>
                </c:pt>
                <c:pt idx="11471">
                  <c:v>509214.338930303</c:v>
                </c:pt>
                <c:pt idx="11472">
                  <c:v>509214.338930303</c:v>
                </c:pt>
                <c:pt idx="11473">
                  <c:v>509214.338930303</c:v>
                </c:pt>
                <c:pt idx="11474">
                  <c:v>509214.338930303</c:v>
                </c:pt>
                <c:pt idx="11475">
                  <c:v>509680.61372270802</c:v>
                </c:pt>
                <c:pt idx="11476">
                  <c:v>509680.61372270802</c:v>
                </c:pt>
                <c:pt idx="11477">
                  <c:v>509680.61372270802</c:v>
                </c:pt>
                <c:pt idx="11478">
                  <c:v>509680.61372270802</c:v>
                </c:pt>
                <c:pt idx="11479">
                  <c:v>510280.24460912799</c:v>
                </c:pt>
                <c:pt idx="11480">
                  <c:v>510280.24460912799</c:v>
                </c:pt>
                <c:pt idx="11481">
                  <c:v>510280.24460912799</c:v>
                </c:pt>
                <c:pt idx="11482">
                  <c:v>510280.24460912799</c:v>
                </c:pt>
                <c:pt idx="11483">
                  <c:v>510280.24460912799</c:v>
                </c:pt>
                <c:pt idx="11484">
                  <c:v>510280.24460912799</c:v>
                </c:pt>
                <c:pt idx="11485">
                  <c:v>510280.24460912799</c:v>
                </c:pt>
                <c:pt idx="11486">
                  <c:v>510280.24460912799</c:v>
                </c:pt>
                <c:pt idx="11487">
                  <c:v>510280.24460912799</c:v>
                </c:pt>
                <c:pt idx="11488">
                  <c:v>510280.24460912799</c:v>
                </c:pt>
                <c:pt idx="11489">
                  <c:v>510280.24460912799</c:v>
                </c:pt>
                <c:pt idx="11490">
                  <c:v>510323.204576216</c:v>
                </c:pt>
                <c:pt idx="11491">
                  <c:v>510323.204576216</c:v>
                </c:pt>
                <c:pt idx="11492">
                  <c:v>510323.204576216</c:v>
                </c:pt>
                <c:pt idx="11493">
                  <c:v>510323.204576216</c:v>
                </c:pt>
                <c:pt idx="11494">
                  <c:v>510323.204576216</c:v>
                </c:pt>
                <c:pt idx="11495">
                  <c:v>510323.204576216</c:v>
                </c:pt>
                <c:pt idx="11496">
                  <c:v>510323.204576216</c:v>
                </c:pt>
                <c:pt idx="11497">
                  <c:v>510323.204576216</c:v>
                </c:pt>
                <c:pt idx="11498">
                  <c:v>511630.027989036</c:v>
                </c:pt>
                <c:pt idx="11499">
                  <c:v>511630.027989036</c:v>
                </c:pt>
                <c:pt idx="11500">
                  <c:v>511630.027989036</c:v>
                </c:pt>
                <c:pt idx="11501">
                  <c:v>511630.027989036</c:v>
                </c:pt>
                <c:pt idx="11502">
                  <c:v>511630.027989036</c:v>
                </c:pt>
                <c:pt idx="11503">
                  <c:v>511630.027989036</c:v>
                </c:pt>
                <c:pt idx="11504">
                  <c:v>511630.027989036</c:v>
                </c:pt>
                <c:pt idx="11505">
                  <c:v>511630.027989036</c:v>
                </c:pt>
                <c:pt idx="11506">
                  <c:v>511630.027989036</c:v>
                </c:pt>
                <c:pt idx="11507">
                  <c:v>511630.027989036</c:v>
                </c:pt>
                <c:pt idx="11508">
                  <c:v>511630.027989036</c:v>
                </c:pt>
                <c:pt idx="11509">
                  <c:v>511630.027989036</c:v>
                </c:pt>
                <c:pt idx="11510">
                  <c:v>511630.027989036</c:v>
                </c:pt>
                <c:pt idx="11511">
                  <c:v>511630.027989036</c:v>
                </c:pt>
                <c:pt idx="11512">
                  <c:v>511630.027989036</c:v>
                </c:pt>
                <c:pt idx="11513">
                  <c:v>511630.027989036</c:v>
                </c:pt>
                <c:pt idx="11514">
                  <c:v>511630.027989036</c:v>
                </c:pt>
                <c:pt idx="11515">
                  <c:v>511630.027989036</c:v>
                </c:pt>
                <c:pt idx="11516">
                  <c:v>511630.027989036</c:v>
                </c:pt>
                <c:pt idx="11517">
                  <c:v>511630.027989036</c:v>
                </c:pt>
                <c:pt idx="11518">
                  <c:v>511630.027989036</c:v>
                </c:pt>
                <c:pt idx="11519">
                  <c:v>511630.027989036</c:v>
                </c:pt>
                <c:pt idx="11520">
                  <c:v>511630.027989036</c:v>
                </c:pt>
                <c:pt idx="11521">
                  <c:v>511630.027989036</c:v>
                </c:pt>
                <c:pt idx="11522">
                  <c:v>511630.027989036</c:v>
                </c:pt>
                <c:pt idx="11523">
                  <c:v>511630.027989036</c:v>
                </c:pt>
                <c:pt idx="11524">
                  <c:v>511630.027989036</c:v>
                </c:pt>
                <c:pt idx="11525">
                  <c:v>511630.027989036</c:v>
                </c:pt>
                <c:pt idx="11526">
                  <c:v>511630.027989036</c:v>
                </c:pt>
                <c:pt idx="11527">
                  <c:v>512440.29184093198</c:v>
                </c:pt>
                <c:pt idx="11528">
                  <c:v>512440.29184093198</c:v>
                </c:pt>
                <c:pt idx="11529">
                  <c:v>512440.29184093198</c:v>
                </c:pt>
                <c:pt idx="11530">
                  <c:v>512440.29184093198</c:v>
                </c:pt>
                <c:pt idx="11531">
                  <c:v>512440.29184093198</c:v>
                </c:pt>
                <c:pt idx="11532">
                  <c:v>512440.29184093198</c:v>
                </c:pt>
                <c:pt idx="11533">
                  <c:v>512440.29184093198</c:v>
                </c:pt>
                <c:pt idx="11534">
                  <c:v>512440.29184093198</c:v>
                </c:pt>
                <c:pt idx="11535">
                  <c:v>512440.29184093198</c:v>
                </c:pt>
                <c:pt idx="11536">
                  <c:v>512440.29184093198</c:v>
                </c:pt>
                <c:pt idx="11537">
                  <c:v>512440.29184093198</c:v>
                </c:pt>
                <c:pt idx="11538">
                  <c:v>512440.29184093198</c:v>
                </c:pt>
                <c:pt idx="11539">
                  <c:v>512440.29184093198</c:v>
                </c:pt>
                <c:pt idx="11540">
                  <c:v>512440.29184093198</c:v>
                </c:pt>
                <c:pt idx="11541">
                  <c:v>512440.29184093198</c:v>
                </c:pt>
                <c:pt idx="11542">
                  <c:v>512440.29184093198</c:v>
                </c:pt>
                <c:pt idx="11543">
                  <c:v>512440.29184093198</c:v>
                </c:pt>
                <c:pt idx="11544">
                  <c:v>512440.29184093198</c:v>
                </c:pt>
                <c:pt idx="11545">
                  <c:v>512440.29184093198</c:v>
                </c:pt>
                <c:pt idx="11546">
                  <c:v>512440.29184093198</c:v>
                </c:pt>
                <c:pt idx="11547">
                  <c:v>512440.29184093198</c:v>
                </c:pt>
                <c:pt idx="11548">
                  <c:v>512440.29184093198</c:v>
                </c:pt>
                <c:pt idx="11549">
                  <c:v>512440.29184093198</c:v>
                </c:pt>
                <c:pt idx="11550">
                  <c:v>512440.29184093198</c:v>
                </c:pt>
                <c:pt idx="11551">
                  <c:v>512440.29184093198</c:v>
                </c:pt>
                <c:pt idx="11552">
                  <c:v>512440.29184093198</c:v>
                </c:pt>
                <c:pt idx="11553">
                  <c:v>512440.29184093198</c:v>
                </c:pt>
                <c:pt idx="11554">
                  <c:v>512440.29184093198</c:v>
                </c:pt>
                <c:pt idx="11555">
                  <c:v>512440.29184093198</c:v>
                </c:pt>
                <c:pt idx="11556">
                  <c:v>512440.29184093198</c:v>
                </c:pt>
                <c:pt idx="11557">
                  <c:v>512440.29184093198</c:v>
                </c:pt>
                <c:pt idx="11558">
                  <c:v>512440.29184093198</c:v>
                </c:pt>
                <c:pt idx="11559">
                  <c:v>512440.29184093198</c:v>
                </c:pt>
                <c:pt idx="11560">
                  <c:v>512440.29184093198</c:v>
                </c:pt>
                <c:pt idx="11561">
                  <c:v>512440.29184093198</c:v>
                </c:pt>
                <c:pt idx="11562">
                  <c:v>512440.29184093198</c:v>
                </c:pt>
                <c:pt idx="11563">
                  <c:v>512440.29184093198</c:v>
                </c:pt>
                <c:pt idx="11564">
                  <c:v>512440.29184093198</c:v>
                </c:pt>
                <c:pt idx="11565">
                  <c:v>512440.29184093198</c:v>
                </c:pt>
                <c:pt idx="11566">
                  <c:v>512440.29184093198</c:v>
                </c:pt>
                <c:pt idx="11567">
                  <c:v>512440.29184093198</c:v>
                </c:pt>
                <c:pt idx="11568">
                  <c:v>512440.29184093198</c:v>
                </c:pt>
                <c:pt idx="11569">
                  <c:v>512440.29184093198</c:v>
                </c:pt>
                <c:pt idx="11570">
                  <c:v>512440.29184093198</c:v>
                </c:pt>
                <c:pt idx="11571">
                  <c:v>512440.29184093198</c:v>
                </c:pt>
                <c:pt idx="11572">
                  <c:v>512440.29184093198</c:v>
                </c:pt>
                <c:pt idx="11573">
                  <c:v>512440.29184093198</c:v>
                </c:pt>
                <c:pt idx="11574">
                  <c:v>512440.29184093198</c:v>
                </c:pt>
                <c:pt idx="11575">
                  <c:v>512440.29184093198</c:v>
                </c:pt>
                <c:pt idx="11576">
                  <c:v>512440.29184093198</c:v>
                </c:pt>
                <c:pt idx="11577">
                  <c:v>512440.29184093198</c:v>
                </c:pt>
                <c:pt idx="11578">
                  <c:v>512440.29184093198</c:v>
                </c:pt>
                <c:pt idx="11579">
                  <c:v>512680.544439997</c:v>
                </c:pt>
                <c:pt idx="11580">
                  <c:v>512680.544439997</c:v>
                </c:pt>
                <c:pt idx="11581">
                  <c:v>512680.544439997</c:v>
                </c:pt>
                <c:pt idx="11582">
                  <c:v>512915.46249280998</c:v>
                </c:pt>
                <c:pt idx="11583">
                  <c:v>512915.46249280998</c:v>
                </c:pt>
                <c:pt idx="11584">
                  <c:v>512915.46249280998</c:v>
                </c:pt>
                <c:pt idx="11585">
                  <c:v>512915.46249280998</c:v>
                </c:pt>
                <c:pt idx="11586">
                  <c:v>512915.46249280998</c:v>
                </c:pt>
                <c:pt idx="11587">
                  <c:v>512915.46249280998</c:v>
                </c:pt>
                <c:pt idx="11588">
                  <c:v>512915.46249280998</c:v>
                </c:pt>
                <c:pt idx="11589">
                  <c:v>512915.46249280998</c:v>
                </c:pt>
                <c:pt idx="11590">
                  <c:v>512915.46249280998</c:v>
                </c:pt>
                <c:pt idx="11591">
                  <c:v>512915.46249280998</c:v>
                </c:pt>
                <c:pt idx="11592">
                  <c:v>512915.46249280998</c:v>
                </c:pt>
                <c:pt idx="11593">
                  <c:v>512915.46249280998</c:v>
                </c:pt>
                <c:pt idx="11594">
                  <c:v>513213.54537436698</c:v>
                </c:pt>
                <c:pt idx="11595">
                  <c:v>513213.54537436698</c:v>
                </c:pt>
                <c:pt idx="11596">
                  <c:v>513213.54537436698</c:v>
                </c:pt>
                <c:pt idx="11597">
                  <c:v>513763.84963871603</c:v>
                </c:pt>
                <c:pt idx="11598">
                  <c:v>513763.84963871603</c:v>
                </c:pt>
                <c:pt idx="11599">
                  <c:v>513763.84963871603</c:v>
                </c:pt>
                <c:pt idx="11600">
                  <c:v>513926.79602876899</c:v>
                </c:pt>
                <c:pt idx="11601">
                  <c:v>513926.79602876899</c:v>
                </c:pt>
                <c:pt idx="11602">
                  <c:v>513926.79602876899</c:v>
                </c:pt>
                <c:pt idx="11603">
                  <c:v>513926.79602876899</c:v>
                </c:pt>
                <c:pt idx="11604">
                  <c:v>513926.79602876899</c:v>
                </c:pt>
                <c:pt idx="11605">
                  <c:v>513926.79602876899</c:v>
                </c:pt>
                <c:pt idx="11606">
                  <c:v>517306.99814945599</c:v>
                </c:pt>
                <c:pt idx="11607">
                  <c:v>517306.99814945599</c:v>
                </c:pt>
                <c:pt idx="11608">
                  <c:v>517306.99814945599</c:v>
                </c:pt>
                <c:pt idx="11609">
                  <c:v>517306.99814945599</c:v>
                </c:pt>
                <c:pt idx="11610">
                  <c:v>517306.99814945599</c:v>
                </c:pt>
                <c:pt idx="11611">
                  <c:v>517306.99814945599</c:v>
                </c:pt>
                <c:pt idx="11612">
                  <c:v>517306.99814945599</c:v>
                </c:pt>
                <c:pt idx="11613">
                  <c:v>517306.99814945599</c:v>
                </c:pt>
                <c:pt idx="11614">
                  <c:v>517306.99814945599</c:v>
                </c:pt>
                <c:pt idx="11615">
                  <c:v>517306.99814945599</c:v>
                </c:pt>
                <c:pt idx="11616">
                  <c:v>517306.99814945599</c:v>
                </c:pt>
                <c:pt idx="11617">
                  <c:v>517306.99814945599</c:v>
                </c:pt>
                <c:pt idx="11618">
                  <c:v>517306.99814945599</c:v>
                </c:pt>
                <c:pt idx="11619">
                  <c:v>517306.99814945599</c:v>
                </c:pt>
                <c:pt idx="11620">
                  <c:v>517306.99814945599</c:v>
                </c:pt>
                <c:pt idx="11621">
                  <c:v>517306.99814945599</c:v>
                </c:pt>
                <c:pt idx="11622">
                  <c:v>517306.99814945599</c:v>
                </c:pt>
                <c:pt idx="11623">
                  <c:v>517306.99814945599</c:v>
                </c:pt>
                <c:pt idx="11624">
                  <c:v>517306.99814945599</c:v>
                </c:pt>
                <c:pt idx="11625">
                  <c:v>517306.99814945599</c:v>
                </c:pt>
                <c:pt idx="11626">
                  <c:v>517306.99814945599</c:v>
                </c:pt>
                <c:pt idx="11627">
                  <c:v>517306.99814945599</c:v>
                </c:pt>
                <c:pt idx="11628">
                  <c:v>517909.87699207797</c:v>
                </c:pt>
                <c:pt idx="11629">
                  <c:v>517909.87699207797</c:v>
                </c:pt>
                <c:pt idx="11630">
                  <c:v>517909.87699207797</c:v>
                </c:pt>
                <c:pt idx="11631">
                  <c:v>517909.87699207797</c:v>
                </c:pt>
                <c:pt idx="11632">
                  <c:v>517909.87699207797</c:v>
                </c:pt>
                <c:pt idx="11633">
                  <c:v>517909.87699207797</c:v>
                </c:pt>
                <c:pt idx="11634">
                  <c:v>517909.87699207797</c:v>
                </c:pt>
                <c:pt idx="11635">
                  <c:v>517909.87699207797</c:v>
                </c:pt>
                <c:pt idx="11636">
                  <c:v>517909.87699207797</c:v>
                </c:pt>
                <c:pt idx="11637">
                  <c:v>517909.87699207797</c:v>
                </c:pt>
                <c:pt idx="11638">
                  <c:v>517909.87699207797</c:v>
                </c:pt>
                <c:pt idx="11639">
                  <c:v>517909.87699207797</c:v>
                </c:pt>
                <c:pt idx="11640">
                  <c:v>517909.87699207797</c:v>
                </c:pt>
                <c:pt idx="11641">
                  <c:v>517909.87699207797</c:v>
                </c:pt>
                <c:pt idx="11642">
                  <c:v>517909.87699207797</c:v>
                </c:pt>
                <c:pt idx="11643">
                  <c:v>517909.87699207797</c:v>
                </c:pt>
                <c:pt idx="11644">
                  <c:v>517909.87699207797</c:v>
                </c:pt>
                <c:pt idx="11645">
                  <c:v>517909.87699207797</c:v>
                </c:pt>
                <c:pt idx="11646">
                  <c:v>517909.87699207797</c:v>
                </c:pt>
                <c:pt idx="11647">
                  <c:v>517909.87699207797</c:v>
                </c:pt>
                <c:pt idx="11648">
                  <c:v>517909.87699207797</c:v>
                </c:pt>
                <c:pt idx="11649">
                  <c:v>517909.87699207797</c:v>
                </c:pt>
                <c:pt idx="11650">
                  <c:v>517909.87699207797</c:v>
                </c:pt>
                <c:pt idx="11651">
                  <c:v>517909.87699207797</c:v>
                </c:pt>
                <c:pt idx="11652">
                  <c:v>517945.031069558</c:v>
                </c:pt>
                <c:pt idx="11653">
                  <c:v>517945.031069558</c:v>
                </c:pt>
                <c:pt idx="11654">
                  <c:v>517945.031069558</c:v>
                </c:pt>
                <c:pt idx="11655">
                  <c:v>517945.031069558</c:v>
                </c:pt>
                <c:pt idx="11656">
                  <c:v>517945.031069558</c:v>
                </c:pt>
                <c:pt idx="11657">
                  <c:v>517945.031069558</c:v>
                </c:pt>
                <c:pt idx="11658">
                  <c:v>517945.031069558</c:v>
                </c:pt>
                <c:pt idx="11659">
                  <c:v>517945.031069558</c:v>
                </c:pt>
                <c:pt idx="11660">
                  <c:v>517945.031069558</c:v>
                </c:pt>
                <c:pt idx="11661">
                  <c:v>517945.031069558</c:v>
                </c:pt>
                <c:pt idx="11662">
                  <c:v>517945.031069558</c:v>
                </c:pt>
                <c:pt idx="11663">
                  <c:v>517945.031069558</c:v>
                </c:pt>
                <c:pt idx="11664">
                  <c:v>517945.031069558</c:v>
                </c:pt>
                <c:pt idx="11665">
                  <c:v>517945.031069558</c:v>
                </c:pt>
                <c:pt idx="11666">
                  <c:v>517945.031069558</c:v>
                </c:pt>
                <c:pt idx="11667">
                  <c:v>517945.031069558</c:v>
                </c:pt>
                <c:pt idx="11668">
                  <c:v>517966.83348624001</c:v>
                </c:pt>
                <c:pt idx="11669">
                  <c:v>517966.83348624001</c:v>
                </c:pt>
                <c:pt idx="11670">
                  <c:v>517966.83348624001</c:v>
                </c:pt>
                <c:pt idx="11671">
                  <c:v>517966.83348624001</c:v>
                </c:pt>
                <c:pt idx="11672">
                  <c:v>517966.83348624001</c:v>
                </c:pt>
                <c:pt idx="11673">
                  <c:v>517966.83348624001</c:v>
                </c:pt>
                <c:pt idx="11674">
                  <c:v>517966.83348624001</c:v>
                </c:pt>
                <c:pt idx="11675">
                  <c:v>517966.83348624001</c:v>
                </c:pt>
                <c:pt idx="11676">
                  <c:v>520149.46026567701</c:v>
                </c:pt>
                <c:pt idx="11677">
                  <c:v>520149.46026567701</c:v>
                </c:pt>
                <c:pt idx="11678">
                  <c:v>520149.46026567701</c:v>
                </c:pt>
                <c:pt idx="11679">
                  <c:v>520149.46026567701</c:v>
                </c:pt>
                <c:pt idx="11680">
                  <c:v>520149.46026567701</c:v>
                </c:pt>
                <c:pt idx="11681">
                  <c:v>520149.46026567701</c:v>
                </c:pt>
                <c:pt idx="11682">
                  <c:v>520149.46026567701</c:v>
                </c:pt>
                <c:pt idx="11683">
                  <c:v>520149.46026567701</c:v>
                </c:pt>
                <c:pt idx="11684">
                  <c:v>520149.46026567701</c:v>
                </c:pt>
                <c:pt idx="11685">
                  <c:v>520149.46026567701</c:v>
                </c:pt>
                <c:pt idx="11686">
                  <c:v>520149.46026567701</c:v>
                </c:pt>
                <c:pt idx="11687">
                  <c:v>520149.46026567701</c:v>
                </c:pt>
                <c:pt idx="11688">
                  <c:v>520213.32384959201</c:v>
                </c:pt>
                <c:pt idx="11689">
                  <c:v>520213.32384959201</c:v>
                </c:pt>
                <c:pt idx="11690">
                  <c:v>520213.32384959201</c:v>
                </c:pt>
                <c:pt idx="11691">
                  <c:v>520213.32384959201</c:v>
                </c:pt>
                <c:pt idx="11692">
                  <c:v>520213.32384959201</c:v>
                </c:pt>
                <c:pt idx="11693">
                  <c:v>520213.32384959201</c:v>
                </c:pt>
                <c:pt idx="11694">
                  <c:v>520213.32384959201</c:v>
                </c:pt>
                <c:pt idx="11695">
                  <c:v>520213.32384959201</c:v>
                </c:pt>
                <c:pt idx="11696">
                  <c:v>520213.32384959201</c:v>
                </c:pt>
                <c:pt idx="11697">
                  <c:v>520213.32384959201</c:v>
                </c:pt>
                <c:pt idx="11698">
                  <c:v>520213.32384959201</c:v>
                </c:pt>
                <c:pt idx="11699">
                  <c:v>520213.32384959201</c:v>
                </c:pt>
                <c:pt idx="11700">
                  <c:v>520213.32384959201</c:v>
                </c:pt>
                <c:pt idx="11701">
                  <c:v>520213.32384959201</c:v>
                </c:pt>
                <c:pt idx="11702">
                  <c:v>520213.32384959201</c:v>
                </c:pt>
                <c:pt idx="11703">
                  <c:v>520213.32384959201</c:v>
                </c:pt>
                <c:pt idx="11704">
                  <c:v>520213.32384959201</c:v>
                </c:pt>
                <c:pt idx="11705">
                  <c:v>520213.32384959201</c:v>
                </c:pt>
                <c:pt idx="11706">
                  <c:v>520213.32384959201</c:v>
                </c:pt>
                <c:pt idx="11707">
                  <c:v>520213.32384959201</c:v>
                </c:pt>
                <c:pt idx="11708">
                  <c:v>520213.32384959201</c:v>
                </c:pt>
                <c:pt idx="11709">
                  <c:v>520213.32384959201</c:v>
                </c:pt>
                <c:pt idx="11710">
                  <c:v>520213.32384959201</c:v>
                </c:pt>
                <c:pt idx="11711">
                  <c:v>520213.32384959201</c:v>
                </c:pt>
                <c:pt idx="11712">
                  <c:v>520213.32384959201</c:v>
                </c:pt>
                <c:pt idx="11713">
                  <c:v>520213.32384959201</c:v>
                </c:pt>
                <c:pt idx="11714">
                  <c:v>520213.32384959201</c:v>
                </c:pt>
                <c:pt idx="11715">
                  <c:v>520213.32384959201</c:v>
                </c:pt>
                <c:pt idx="11716">
                  <c:v>520213.32384959201</c:v>
                </c:pt>
                <c:pt idx="11717">
                  <c:v>520213.32384959201</c:v>
                </c:pt>
                <c:pt idx="11718">
                  <c:v>520213.32384959201</c:v>
                </c:pt>
                <c:pt idx="11719">
                  <c:v>520213.32384959201</c:v>
                </c:pt>
                <c:pt idx="11720">
                  <c:v>520213.32384959201</c:v>
                </c:pt>
                <c:pt idx="11721">
                  <c:v>520213.32384959201</c:v>
                </c:pt>
                <c:pt idx="11722">
                  <c:v>520213.32384959201</c:v>
                </c:pt>
                <c:pt idx="11723">
                  <c:v>520213.32384959201</c:v>
                </c:pt>
                <c:pt idx="11724">
                  <c:v>520213.32384959201</c:v>
                </c:pt>
                <c:pt idx="11725">
                  <c:v>520213.32384959201</c:v>
                </c:pt>
                <c:pt idx="11726">
                  <c:v>520213.32384959201</c:v>
                </c:pt>
                <c:pt idx="11727">
                  <c:v>520213.32384959201</c:v>
                </c:pt>
                <c:pt idx="11728">
                  <c:v>520213.32384959201</c:v>
                </c:pt>
                <c:pt idx="11729">
                  <c:v>520213.32384959201</c:v>
                </c:pt>
                <c:pt idx="11730">
                  <c:v>520213.32384959201</c:v>
                </c:pt>
                <c:pt idx="11731">
                  <c:v>520213.32384959201</c:v>
                </c:pt>
                <c:pt idx="11732">
                  <c:v>520213.32384959201</c:v>
                </c:pt>
                <c:pt idx="11733">
                  <c:v>520213.32384959201</c:v>
                </c:pt>
                <c:pt idx="11734">
                  <c:v>520213.32384959201</c:v>
                </c:pt>
                <c:pt idx="11735">
                  <c:v>520213.32384959201</c:v>
                </c:pt>
                <c:pt idx="11736">
                  <c:v>520213.32384959201</c:v>
                </c:pt>
                <c:pt idx="11737">
                  <c:v>520213.32384959201</c:v>
                </c:pt>
                <c:pt idx="11738">
                  <c:v>520213.32384959201</c:v>
                </c:pt>
                <c:pt idx="11739">
                  <c:v>520213.32384959201</c:v>
                </c:pt>
                <c:pt idx="11740">
                  <c:v>520213.32384959201</c:v>
                </c:pt>
                <c:pt idx="11741">
                  <c:v>520213.32384959201</c:v>
                </c:pt>
                <c:pt idx="11742">
                  <c:v>520213.32384959201</c:v>
                </c:pt>
                <c:pt idx="11743">
                  <c:v>520213.32384959201</c:v>
                </c:pt>
                <c:pt idx="11744">
                  <c:v>520213.32384959201</c:v>
                </c:pt>
                <c:pt idx="11745">
                  <c:v>520213.32384959201</c:v>
                </c:pt>
                <c:pt idx="11746">
                  <c:v>520213.32384959201</c:v>
                </c:pt>
                <c:pt idx="11747">
                  <c:v>520213.32384959201</c:v>
                </c:pt>
                <c:pt idx="11748">
                  <c:v>520213.32384959201</c:v>
                </c:pt>
                <c:pt idx="11749">
                  <c:v>520213.32384959201</c:v>
                </c:pt>
                <c:pt idx="11750">
                  <c:v>520213.32384959201</c:v>
                </c:pt>
                <c:pt idx="11751">
                  <c:v>520213.32384959201</c:v>
                </c:pt>
                <c:pt idx="11752">
                  <c:v>520213.32384959201</c:v>
                </c:pt>
                <c:pt idx="11753">
                  <c:v>520213.32384959201</c:v>
                </c:pt>
                <c:pt idx="11754">
                  <c:v>520213.32384959201</c:v>
                </c:pt>
                <c:pt idx="11755">
                  <c:v>520213.32384959201</c:v>
                </c:pt>
                <c:pt idx="11756">
                  <c:v>521657.49040166999</c:v>
                </c:pt>
                <c:pt idx="11757">
                  <c:v>521657.49040166999</c:v>
                </c:pt>
                <c:pt idx="11758">
                  <c:v>521722.00258766999</c:v>
                </c:pt>
                <c:pt idx="11759">
                  <c:v>521722.00258766999</c:v>
                </c:pt>
                <c:pt idx="11760">
                  <c:v>521722.00258766999</c:v>
                </c:pt>
                <c:pt idx="11761">
                  <c:v>521722.00258766999</c:v>
                </c:pt>
                <c:pt idx="11762">
                  <c:v>521722.00258766999</c:v>
                </c:pt>
                <c:pt idx="11763">
                  <c:v>521722.00258766999</c:v>
                </c:pt>
                <c:pt idx="11764">
                  <c:v>521722.00258766999</c:v>
                </c:pt>
                <c:pt idx="11765">
                  <c:v>521722.00258766999</c:v>
                </c:pt>
                <c:pt idx="11766">
                  <c:v>521722.00258766999</c:v>
                </c:pt>
                <c:pt idx="11767">
                  <c:v>521722.00258766999</c:v>
                </c:pt>
                <c:pt idx="11768">
                  <c:v>521803.61567921098</c:v>
                </c:pt>
                <c:pt idx="11769">
                  <c:v>521803.61567921098</c:v>
                </c:pt>
                <c:pt idx="11770">
                  <c:v>521803.61567921098</c:v>
                </c:pt>
                <c:pt idx="11771">
                  <c:v>521803.61567921098</c:v>
                </c:pt>
                <c:pt idx="11772">
                  <c:v>521803.61567921098</c:v>
                </c:pt>
                <c:pt idx="11773">
                  <c:v>521803.61567921098</c:v>
                </c:pt>
                <c:pt idx="11774">
                  <c:v>521803.61567921098</c:v>
                </c:pt>
                <c:pt idx="11775">
                  <c:v>521803.61567921098</c:v>
                </c:pt>
                <c:pt idx="11776">
                  <c:v>521803.61567921098</c:v>
                </c:pt>
                <c:pt idx="11777">
                  <c:v>521803.61567921098</c:v>
                </c:pt>
                <c:pt idx="11778">
                  <c:v>521803.61567921098</c:v>
                </c:pt>
                <c:pt idx="11779">
                  <c:v>521803.61567921098</c:v>
                </c:pt>
                <c:pt idx="11780">
                  <c:v>523482.398326653</c:v>
                </c:pt>
                <c:pt idx="11781">
                  <c:v>523482.398326653</c:v>
                </c:pt>
                <c:pt idx="11782">
                  <c:v>523482.398326653</c:v>
                </c:pt>
                <c:pt idx="11783">
                  <c:v>523482.398326653</c:v>
                </c:pt>
                <c:pt idx="11784">
                  <c:v>523482.398326653</c:v>
                </c:pt>
                <c:pt idx="11785">
                  <c:v>523482.398326653</c:v>
                </c:pt>
                <c:pt idx="11786">
                  <c:v>523482.398326653</c:v>
                </c:pt>
                <c:pt idx="11787">
                  <c:v>523482.398326653</c:v>
                </c:pt>
                <c:pt idx="11788">
                  <c:v>523482.398326653</c:v>
                </c:pt>
                <c:pt idx="11789">
                  <c:v>523482.398326653</c:v>
                </c:pt>
                <c:pt idx="11790">
                  <c:v>523482.398326653</c:v>
                </c:pt>
                <c:pt idx="11791">
                  <c:v>523482.398326653</c:v>
                </c:pt>
                <c:pt idx="11792">
                  <c:v>523482.398326653</c:v>
                </c:pt>
                <c:pt idx="11793">
                  <c:v>523482.398326653</c:v>
                </c:pt>
                <c:pt idx="11794">
                  <c:v>523482.398326653</c:v>
                </c:pt>
                <c:pt idx="11795">
                  <c:v>523482.398326653</c:v>
                </c:pt>
                <c:pt idx="11796">
                  <c:v>523482.398326653</c:v>
                </c:pt>
                <c:pt idx="11797">
                  <c:v>523482.398326653</c:v>
                </c:pt>
                <c:pt idx="11798">
                  <c:v>523482.398326653</c:v>
                </c:pt>
                <c:pt idx="11799">
                  <c:v>523482.398326653</c:v>
                </c:pt>
                <c:pt idx="11800">
                  <c:v>523482.398326653</c:v>
                </c:pt>
                <c:pt idx="11801">
                  <c:v>523629.47988186398</c:v>
                </c:pt>
                <c:pt idx="11802">
                  <c:v>523629.47988186398</c:v>
                </c:pt>
                <c:pt idx="11803">
                  <c:v>523629.47988186398</c:v>
                </c:pt>
                <c:pt idx="11804">
                  <c:v>523629.47988186398</c:v>
                </c:pt>
                <c:pt idx="11805">
                  <c:v>523629.47988186398</c:v>
                </c:pt>
                <c:pt idx="11806">
                  <c:v>523629.47988186398</c:v>
                </c:pt>
                <c:pt idx="11807">
                  <c:v>523629.47988186398</c:v>
                </c:pt>
                <c:pt idx="11808">
                  <c:v>523629.47988186398</c:v>
                </c:pt>
                <c:pt idx="11809">
                  <c:v>523629.47988186398</c:v>
                </c:pt>
                <c:pt idx="11810">
                  <c:v>523910.12055352703</c:v>
                </c:pt>
                <c:pt idx="11811">
                  <c:v>523910.12055352703</c:v>
                </c:pt>
                <c:pt idx="11812">
                  <c:v>523910.12055352703</c:v>
                </c:pt>
                <c:pt idx="11813">
                  <c:v>523910.12055352703</c:v>
                </c:pt>
                <c:pt idx="11814">
                  <c:v>523910.12055352703</c:v>
                </c:pt>
                <c:pt idx="11815">
                  <c:v>523910.12055352703</c:v>
                </c:pt>
                <c:pt idx="11816">
                  <c:v>523910.12055352703</c:v>
                </c:pt>
                <c:pt idx="11817">
                  <c:v>523910.12055352703</c:v>
                </c:pt>
                <c:pt idx="11818">
                  <c:v>523910.12055352703</c:v>
                </c:pt>
                <c:pt idx="11819">
                  <c:v>523910.12055352703</c:v>
                </c:pt>
                <c:pt idx="11820">
                  <c:v>523910.12055352703</c:v>
                </c:pt>
                <c:pt idx="11821">
                  <c:v>523910.12055352703</c:v>
                </c:pt>
                <c:pt idx="11822">
                  <c:v>523910.12055352703</c:v>
                </c:pt>
                <c:pt idx="11823">
                  <c:v>523910.12055352703</c:v>
                </c:pt>
                <c:pt idx="11824">
                  <c:v>523910.12055352703</c:v>
                </c:pt>
                <c:pt idx="11825">
                  <c:v>523910.12055352703</c:v>
                </c:pt>
                <c:pt idx="11826">
                  <c:v>523910.12055352703</c:v>
                </c:pt>
                <c:pt idx="11827">
                  <c:v>524582.48260333994</c:v>
                </c:pt>
                <c:pt idx="11828">
                  <c:v>527326.49414132</c:v>
                </c:pt>
                <c:pt idx="11829">
                  <c:v>527326.49414132</c:v>
                </c:pt>
                <c:pt idx="11830">
                  <c:v>527326.49414132</c:v>
                </c:pt>
                <c:pt idx="11831">
                  <c:v>527879.17070796201</c:v>
                </c:pt>
                <c:pt idx="11832">
                  <c:v>527879.17070796201</c:v>
                </c:pt>
                <c:pt idx="11833">
                  <c:v>527879.17070796201</c:v>
                </c:pt>
                <c:pt idx="11834">
                  <c:v>527879.17070796201</c:v>
                </c:pt>
                <c:pt idx="11835">
                  <c:v>527879.17070796201</c:v>
                </c:pt>
                <c:pt idx="11836">
                  <c:v>527879.17070796201</c:v>
                </c:pt>
                <c:pt idx="11837">
                  <c:v>527879.17070796201</c:v>
                </c:pt>
                <c:pt idx="11838">
                  <c:v>527879.17070796201</c:v>
                </c:pt>
                <c:pt idx="11839">
                  <c:v>527879.17070796201</c:v>
                </c:pt>
                <c:pt idx="11840">
                  <c:v>528639.77222191601</c:v>
                </c:pt>
                <c:pt idx="11841">
                  <c:v>528639.77222191601</c:v>
                </c:pt>
                <c:pt idx="11842">
                  <c:v>528639.77222191601</c:v>
                </c:pt>
                <c:pt idx="11843">
                  <c:v>528639.77222191601</c:v>
                </c:pt>
                <c:pt idx="11844">
                  <c:v>528639.77222191601</c:v>
                </c:pt>
                <c:pt idx="11845">
                  <c:v>528639.77222191601</c:v>
                </c:pt>
                <c:pt idx="11846">
                  <c:v>528968.554596817</c:v>
                </c:pt>
                <c:pt idx="11847">
                  <c:v>528968.554596817</c:v>
                </c:pt>
                <c:pt idx="11848">
                  <c:v>528968.554596817</c:v>
                </c:pt>
                <c:pt idx="11849">
                  <c:v>528968.554596817</c:v>
                </c:pt>
                <c:pt idx="11850">
                  <c:v>528968.554596817</c:v>
                </c:pt>
                <c:pt idx="11851">
                  <c:v>528968.554596817</c:v>
                </c:pt>
                <c:pt idx="11852">
                  <c:v>528968.554596817</c:v>
                </c:pt>
                <c:pt idx="11853">
                  <c:v>528968.554596817</c:v>
                </c:pt>
                <c:pt idx="11854">
                  <c:v>528968.554596817</c:v>
                </c:pt>
                <c:pt idx="11855">
                  <c:v>528968.554596817</c:v>
                </c:pt>
                <c:pt idx="11856">
                  <c:v>528968.554596817</c:v>
                </c:pt>
                <c:pt idx="11857">
                  <c:v>528968.554596817</c:v>
                </c:pt>
                <c:pt idx="11858">
                  <c:v>528968.554596817</c:v>
                </c:pt>
                <c:pt idx="11859">
                  <c:v>528968.554596817</c:v>
                </c:pt>
                <c:pt idx="11860">
                  <c:v>528968.554596817</c:v>
                </c:pt>
                <c:pt idx="11861">
                  <c:v>528968.554596817</c:v>
                </c:pt>
                <c:pt idx="11862">
                  <c:v>528968.554596817</c:v>
                </c:pt>
                <c:pt idx="11863">
                  <c:v>528968.554596817</c:v>
                </c:pt>
                <c:pt idx="11864">
                  <c:v>528968.554596817</c:v>
                </c:pt>
                <c:pt idx="11865">
                  <c:v>528968.554596817</c:v>
                </c:pt>
                <c:pt idx="11866">
                  <c:v>528968.554596817</c:v>
                </c:pt>
                <c:pt idx="11867">
                  <c:v>528968.554596817</c:v>
                </c:pt>
                <c:pt idx="11868">
                  <c:v>528968.554596817</c:v>
                </c:pt>
                <c:pt idx="11869">
                  <c:v>528968.554596817</c:v>
                </c:pt>
                <c:pt idx="11870">
                  <c:v>528968.554596817</c:v>
                </c:pt>
                <c:pt idx="11871">
                  <c:v>528968.554596817</c:v>
                </c:pt>
                <c:pt idx="11872">
                  <c:v>528968.554596817</c:v>
                </c:pt>
                <c:pt idx="11873">
                  <c:v>528968.554596817</c:v>
                </c:pt>
                <c:pt idx="11874">
                  <c:v>528968.554596817</c:v>
                </c:pt>
                <c:pt idx="11875">
                  <c:v>528968.554596817</c:v>
                </c:pt>
                <c:pt idx="11876">
                  <c:v>528968.554596817</c:v>
                </c:pt>
                <c:pt idx="11877">
                  <c:v>528968.554596817</c:v>
                </c:pt>
                <c:pt idx="11878">
                  <c:v>528968.554596817</c:v>
                </c:pt>
                <c:pt idx="11879">
                  <c:v>529366.39502084395</c:v>
                </c:pt>
                <c:pt idx="11880">
                  <c:v>529323.56448188599</c:v>
                </c:pt>
                <c:pt idx="11881">
                  <c:v>529323.56448188599</c:v>
                </c:pt>
                <c:pt idx="11882">
                  <c:v>529323.56448188599</c:v>
                </c:pt>
                <c:pt idx="11883">
                  <c:v>529323.56448188599</c:v>
                </c:pt>
                <c:pt idx="11884">
                  <c:v>529323.56448188599</c:v>
                </c:pt>
                <c:pt idx="11885">
                  <c:v>529323.56448188599</c:v>
                </c:pt>
                <c:pt idx="11886">
                  <c:v>529323.56448188599</c:v>
                </c:pt>
                <c:pt idx="11887">
                  <c:v>529323.56448188599</c:v>
                </c:pt>
                <c:pt idx="11888">
                  <c:v>529323.56448188599</c:v>
                </c:pt>
                <c:pt idx="11889">
                  <c:v>529323.56448188599</c:v>
                </c:pt>
                <c:pt idx="11890">
                  <c:v>529323.56448188599</c:v>
                </c:pt>
                <c:pt idx="11891">
                  <c:v>529323.56448188599</c:v>
                </c:pt>
                <c:pt idx="11892">
                  <c:v>529323.56448188599</c:v>
                </c:pt>
                <c:pt idx="11893">
                  <c:v>529323.56448188599</c:v>
                </c:pt>
                <c:pt idx="11894">
                  <c:v>529323.56448188599</c:v>
                </c:pt>
                <c:pt idx="11895">
                  <c:v>529323.56448188599</c:v>
                </c:pt>
                <c:pt idx="11896">
                  <c:v>529323.56448188599</c:v>
                </c:pt>
                <c:pt idx="11897">
                  <c:v>529323.56448188599</c:v>
                </c:pt>
                <c:pt idx="11898">
                  <c:v>529323.56448188599</c:v>
                </c:pt>
                <c:pt idx="11899">
                  <c:v>529076.13102399604</c:v>
                </c:pt>
                <c:pt idx="11900">
                  <c:v>529076.13102399604</c:v>
                </c:pt>
                <c:pt idx="11901">
                  <c:v>529076.13102399604</c:v>
                </c:pt>
                <c:pt idx="11902">
                  <c:v>529076.13102399604</c:v>
                </c:pt>
                <c:pt idx="11903">
                  <c:v>529076.13102399604</c:v>
                </c:pt>
                <c:pt idx="11904">
                  <c:v>529076.13102399604</c:v>
                </c:pt>
                <c:pt idx="11905">
                  <c:v>529076.13102399604</c:v>
                </c:pt>
                <c:pt idx="11906">
                  <c:v>529076.13102399604</c:v>
                </c:pt>
                <c:pt idx="11907">
                  <c:v>529076.13102399604</c:v>
                </c:pt>
                <c:pt idx="11908">
                  <c:v>529076.13102399604</c:v>
                </c:pt>
                <c:pt idx="11909">
                  <c:v>529076.13102399604</c:v>
                </c:pt>
                <c:pt idx="11910">
                  <c:v>529076.13102399604</c:v>
                </c:pt>
                <c:pt idx="11911">
                  <c:v>529076.13102399604</c:v>
                </c:pt>
                <c:pt idx="11912">
                  <c:v>529076.13102399604</c:v>
                </c:pt>
                <c:pt idx="11913">
                  <c:v>529076.13102399604</c:v>
                </c:pt>
                <c:pt idx="11914">
                  <c:v>529076.13102399604</c:v>
                </c:pt>
                <c:pt idx="11915">
                  <c:v>529076.13102399604</c:v>
                </c:pt>
                <c:pt idx="11916">
                  <c:v>529076.13102399604</c:v>
                </c:pt>
                <c:pt idx="11917">
                  <c:v>529076.13102399604</c:v>
                </c:pt>
                <c:pt idx="11918">
                  <c:v>529076.13102399604</c:v>
                </c:pt>
                <c:pt idx="11919">
                  <c:v>529076.13102399604</c:v>
                </c:pt>
                <c:pt idx="11920">
                  <c:v>529076.13102399604</c:v>
                </c:pt>
                <c:pt idx="11921">
                  <c:v>529076.13102399604</c:v>
                </c:pt>
                <c:pt idx="11922">
                  <c:v>529076.13102399604</c:v>
                </c:pt>
                <c:pt idx="11923">
                  <c:v>529076.13102399604</c:v>
                </c:pt>
                <c:pt idx="11924">
                  <c:v>529076.13102399604</c:v>
                </c:pt>
                <c:pt idx="11925">
                  <c:v>529076.13102399604</c:v>
                </c:pt>
                <c:pt idx="11926">
                  <c:v>529076.13102399604</c:v>
                </c:pt>
                <c:pt idx="11927">
                  <c:v>529076.13102399604</c:v>
                </c:pt>
                <c:pt idx="11928">
                  <c:v>529076.13102399604</c:v>
                </c:pt>
                <c:pt idx="11929">
                  <c:v>529076.13102399604</c:v>
                </c:pt>
                <c:pt idx="11930">
                  <c:v>529076.13102399604</c:v>
                </c:pt>
                <c:pt idx="11931">
                  <c:v>529076.13102399604</c:v>
                </c:pt>
                <c:pt idx="11932">
                  <c:v>529076.13102399604</c:v>
                </c:pt>
                <c:pt idx="11933">
                  <c:v>529076.13102399604</c:v>
                </c:pt>
                <c:pt idx="11934">
                  <c:v>529076.13102399604</c:v>
                </c:pt>
                <c:pt idx="11935">
                  <c:v>529076.13102399604</c:v>
                </c:pt>
                <c:pt idx="11936">
                  <c:v>529076.13102399604</c:v>
                </c:pt>
                <c:pt idx="11937">
                  <c:v>529224.26175079599</c:v>
                </c:pt>
                <c:pt idx="11938">
                  <c:v>529224.26175079599</c:v>
                </c:pt>
                <c:pt idx="11939">
                  <c:v>529224.26175079599</c:v>
                </c:pt>
                <c:pt idx="11940">
                  <c:v>529224.26175079599</c:v>
                </c:pt>
                <c:pt idx="11941">
                  <c:v>529224.26175079599</c:v>
                </c:pt>
                <c:pt idx="11942">
                  <c:v>529224.26175079599</c:v>
                </c:pt>
                <c:pt idx="11943">
                  <c:v>529224.26175079599</c:v>
                </c:pt>
                <c:pt idx="11944">
                  <c:v>529224.26175079599</c:v>
                </c:pt>
                <c:pt idx="11945">
                  <c:v>529224.26175079599</c:v>
                </c:pt>
                <c:pt idx="11946">
                  <c:v>529224.26175079599</c:v>
                </c:pt>
                <c:pt idx="11947">
                  <c:v>529224.26175079599</c:v>
                </c:pt>
                <c:pt idx="11948">
                  <c:v>529224.26175079599</c:v>
                </c:pt>
                <c:pt idx="11949">
                  <c:v>529224.26175079599</c:v>
                </c:pt>
                <c:pt idx="11950">
                  <c:v>529224.26175079599</c:v>
                </c:pt>
                <c:pt idx="11951">
                  <c:v>529224.26175079599</c:v>
                </c:pt>
                <c:pt idx="11952">
                  <c:v>529224.26175079599</c:v>
                </c:pt>
                <c:pt idx="11953">
                  <c:v>529224.26175079599</c:v>
                </c:pt>
                <c:pt idx="11954">
                  <c:v>529224.26175079599</c:v>
                </c:pt>
                <c:pt idx="11955">
                  <c:v>529224.26175079599</c:v>
                </c:pt>
                <c:pt idx="11956">
                  <c:v>529224.26175079599</c:v>
                </c:pt>
                <c:pt idx="11957">
                  <c:v>529224.26175079599</c:v>
                </c:pt>
                <c:pt idx="11958">
                  <c:v>529224.26175079599</c:v>
                </c:pt>
                <c:pt idx="11959">
                  <c:v>529224.26175079599</c:v>
                </c:pt>
                <c:pt idx="11960">
                  <c:v>529224.26175079599</c:v>
                </c:pt>
                <c:pt idx="11961">
                  <c:v>529224.26175079599</c:v>
                </c:pt>
                <c:pt idx="11962">
                  <c:v>529224.26175079599</c:v>
                </c:pt>
                <c:pt idx="11963">
                  <c:v>529224.26175079599</c:v>
                </c:pt>
                <c:pt idx="11964">
                  <c:v>529224.26175079599</c:v>
                </c:pt>
                <c:pt idx="11965">
                  <c:v>529224.26175079599</c:v>
                </c:pt>
                <c:pt idx="11966">
                  <c:v>529143.81894182798</c:v>
                </c:pt>
                <c:pt idx="11967">
                  <c:v>529143.81894182798</c:v>
                </c:pt>
                <c:pt idx="11968">
                  <c:v>529143.81894182798</c:v>
                </c:pt>
                <c:pt idx="11969">
                  <c:v>529143.81894182798</c:v>
                </c:pt>
                <c:pt idx="11970">
                  <c:v>529143.81894182798</c:v>
                </c:pt>
                <c:pt idx="11971">
                  <c:v>529143.81894182798</c:v>
                </c:pt>
                <c:pt idx="11972">
                  <c:v>530059.77583896299</c:v>
                </c:pt>
                <c:pt idx="11973">
                  <c:v>530059.77583896299</c:v>
                </c:pt>
                <c:pt idx="11974">
                  <c:v>530059.77583896299</c:v>
                </c:pt>
                <c:pt idx="11975">
                  <c:v>530059.77583896299</c:v>
                </c:pt>
                <c:pt idx="11976">
                  <c:v>530059.77583896299</c:v>
                </c:pt>
                <c:pt idx="11977">
                  <c:v>530059.77583896299</c:v>
                </c:pt>
                <c:pt idx="11978">
                  <c:v>530059.77583896299</c:v>
                </c:pt>
                <c:pt idx="11979">
                  <c:v>530059.77583896299</c:v>
                </c:pt>
                <c:pt idx="11980">
                  <c:v>530059.77583896299</c:v>
                </c:pt>
                <c:pt idx="11981">
                  <c:v>530059.77583896299</c:v>
                </c:pt>
                <c:pt idx="11982">
                  <c:v>530059.77583896299</c:v>
                </c:pt>
                <c:pt idx="11983">
                  <c:v>530059.77583896299</c:v>
                </c:pt>
                <c:pt idx="11984">
                  <c:v>530059.77583896299</c:v>
                </c:pt>
                <c:pt idx="11985">
                  <c:v>530059.77583896299</c:v>
                </c:pt>
                <c:pt idx="11986">
                  <c:v>530059.77583896299</c:v>
                </c:pt>
                <c:pt idx="11987">
                  <c:v>530059.77583896299</c:v>
                </c:pt>
                <c:pt idx="11988">
                  <c:v>530059.77583896299</c:v>
                </c:pt>
                <c:pt idx="11989">
                  <c:v>530059.77583896299</c:v>
                </c:pt>
                <c:pt idx="11990">
                  <c:v>530059.77583896299</c:v>
                </c:pt>
                <c:pt idx="11991">
                  <c:v>530059.77583896299</c:v>
                </c:pt>
                <c:pt idx="11992">
                  <c:v>530059.77583896299</c:v>
                </c:pt>
                <c:pt idx="11993">
                  <c:v>530059.77583896299</c:v>
                </c:pt>
                <c:pt idx="11994">
                  <c:v>530059.77583896299</c:v>
                </c:pt>
                <c:pt idx="11995">
                  <c:v>530059.77583896299</c:v>
                </c:pt>
                <c:pt idx="11996">
                  <c:v>530059.77583896299</c:v>
                </c:pt>
                <c:pt idx="11997">
                  <c:v>530059.77583896299</c:v>
                </c:pt>
                <c:pt idx="11998">
                  <c:v>530059.77583896299</c:v>
                </c:pt>
                <c:pt idx="11999">
                  <c:v>530059.77583896299</c:v>
                </c:pt>
                <c:pt idx="12000">
                  <c:v>530059.77583896299</c:v>
                </c:pt>
                <c:pt idx="12001">
                  <c:v>530059.77583896299</c:v>
                </c:pt>
                <c:pt idx="12002">
                  <c:v>530059.77583896299</c:v>
                </c:pt>
                <c:pt idx="12003">
                  <c:v>530059.77583896299</c:v>
                </c:pt>
                <c:pt idx="12004">
                  <c:v>530059.77583896299</c:v>
                </c:pt>
                <c:pt idx="12005">
                  <c:v>530059.77583896299</c:v>
                </c:pt>
                <c:pt idx="12006">
                  <c:v>530059.77583896299</c:v>
                </c:pt>
                <c:pt idx="12007">
                  <c:v>530059.77583896299</c:v>
                </c:pt>
                <c:pt idx="12008">
                  <c:v>530059.77583896299</c:v>
                </c:pt>
                <c:pt idx="12009">
                  <c:v>530059.77583896299</c:v>
                </c:pt>
                <c:pt idx="12010">
                  <c:v>530059.77583896299</c:v>
                </c:pt>
                <c:pt idx="12011">
                  <c:v>530059.77583896299</c:v>
                </c:pt>
                <c:pt idx="12012">
                  <c:v>530059.77583896299</c:v>
                </c:pt>
                <c:pt idx="12013">
                  <c:v>531255.82241710206</c:v>
                </c:pt>
                <c:pt idx="12014">
                  <c:v>531255.82241710206</c:v>
                </c:pt>
                <c:pt idx="12015">
                  <c:v>531255.82241710206</c:v>
                </c:pt>
                <c:pt idx="12016">
                  <c:v>531255.82241710206</c:v>
                </c:pt>
                <c:pt idx="12017">
                  <c:v>531255.82241710206</c:v>
                </c:pt>
                <c:pt idx="12018">
                  <c:v>531534.62023393495</c:v>
                </c:pt>
                <c:pt idx="12019">
                  <c:v>531534.62023393495</c:v>
                </c:pt>
                <c:pt idx="12020">
                  <c:v>531534.62023393495</c:v>
                </c:pt>
                <c:pt idx="12021">
                  <c:v>531534.62023393495</c:v>
                </c:pt>
                <c:pt idx="12022">
                  <c:v>531534.62023393495</c:v>
                </c:pt>
                <c:pt idx="12023">
                  <c:v>531534.62023393495</c:v>
                </c:pt>
                <c:pt idx="12024">
                  <c:v>531534.62023393495</c:v>
                </c:pt>
                <c:pt idx="12025">
                  <c:v>531534.62023393495</c:v>
                </c:pt>
                <c:pt idx="12026">
                  <c:v>531534.62023393495</c:v>
                </c:pt>
                <c:pt idx="12027">
                  <c:v>531534.62023393495</c:v>
                </c:pt>
                <c:pt idx="12028">
                  <c:v>531534.62023393495</c:v>
                </c:pt>
                <c:pt idx="12029">
                  <c:v>531534.62023393495</c:v>
                </c:pt>
                <c:pt idx="12030">
                  <c:v>531534.62023393495</c:v>
                </c:pt>
                <c:pt idx="12031">
                  <c:v>531534.62023393495</c:v>
                </c:pt>
                <c:pt idx="12032">
                  <c:v>531534.62023393495</c:v>
                </c:pt>
                <c:pt idx="12033">
                  <c:v>531534.62023393495</c:v>
                </c:pt>
                <c:pt idx="12034">
                  <c:v>531534.62023393495</c:v>
                </c:pt>
                <c:pt idx="12035">
                  <c:v>531534.62023393495</c:v>
                </c:pt>
                <c:pt idx="12036">
                  <c:v>531534.62023393495</c:v>
                </c:pt>
                <c:pt idx="12037">
                  <c:v>531534.62023393495</c:v>
                </c:pt>
                <c:pt idx="12038">
                  <c:v>531364.73035609606</c:v>
                </c:pt>
                <c:pt idx="12039">
                  <c:v>531364.73035609606</c:v>
                </c:pt>
                <c:pt idx="12040">
                  <c:v>531364.73035609606</c:v>
                </c:pt>
                <c:pt idx="12041">
                  <c:v>531364.73035609606</c:v>
                </c:pt>
                <c:pt idx="12042">
                  <c:v>531364.73035609606</c:v>
                </c:pt>
                <c:pt idx="12043">
                  <c:v>531364.73035609606</c:v>
                </c:pt>
                <c:pt idx="12044">
                  <c:v>531364.73035609606</c:v>
                </c:pt>
                <c:pt idx="12045">
                  <c:v>531364.73035609606</c:v>
                </c:pt>
                <c:pt idx="12046">
                  <c:v>531364.73035609606</c:v>
                </c:pt>
                <c:pt idx="12047">
                  <c:v>531364.73035609606</c:v>
                </c:pt>
                <c:pt idx="12048">
                  <c:v>531364.73035609606</c:v>
                </c:pt>
                <c:pt idx="12049">
                  <c:v>531364.73035609606</c:v>
                </c:pt>
                <c:pt idx="12050">
                  <c:v>531364.73035609606</c:v>
                </c:pt>
                <c:pt idx="12051">
                  <c:v>531364.73035609606</c:v>
                </c:pt>
                <c:pt idx="12052">
                  <c:v>531364.73035609606</c:v>
                </c:pt>
                <c:pt idx="12053">
                  <c:v>531364.73035609606</c:v>
                </c:pt>
                <c:pt idx="12054">
                  <c:v>531364.73035609606</c:v>
                </c:pt>
                <c:pt idx="12055">
                  <c:v>531364.73035609606</c:v>
                </c:pt>
                <c:pt idx="12056">
                  <c:v>531364.73035609606</c:v>
                </c:pt>
                <c:pt idx="12057">
                  <c:v>531364.73035609606</c:v>
                </c:pt>
                <c:pt idx="12058">
                  <c:v>531364.73035609606</c:v>
                </c:pt>
                <c:pt idx="12059">
                  <c:v>531364.73035609606</c:v>
                </c:pt>
                <c:pt idx="12060">
                  <c:v>531364.73035609606</c:v>
                </c:pt>
                <c:pt idx="12061">
                  <c:v>532148.07132817095</c:v>
                </c:pt>
                <c:pt idx="12062">
                  <c:v>532148.07132817095</c:v>
                </c:pt>
                <c:pt idx="12063">
                  <c:v>532148.07132817095</c:v>
                </c:pt>
                <c:pt idx="12064">
                  <c:v>532148.07132817095</c:v>
                </c:pt>
                <c:pt idx="12065">
                  <c:v>532148.07132817095</c:v>
                </c:pt>
                <c:pt idx="12066">
                  <c:v>532148.07132817095</c:v>
                </c:pt>
                <c:pt idx="12067">
                  <c:v>532148.07132817095</c:v>
                </c:pt>
                <c:pt idx="12068">
                  <c:v>532148.07132817095</c:v>
                </c:pt>
                <c:pt idx="12069">
                  <c:v>532193.17551144096</c:v>
                </c:pt>
                <c:pt idx="12070">
                  <c:v>532193.17551144096</c:v>
                </c:pt>
                <c:pt idx="12071">
                  <c:v>532193.17551144096</c:v>
                </c:pt>
                <c:pt idx="12072">
                  <c:v>532193.17551144096</c:v>
                </c:pt>
                <c:pt idx="12073">
                  <c:v>532193.17551144096</c:v>
                </c:pt>
                <c:pt idx="12074">
                  <c:v>532193.17551144096</c:v>
                </c:pt>
                <c:pt idx="12075">
                  <c:v>532193.17551144096</c:v>
                </c:pt>
                <c:pt idx="12076">
                  <c:v>532363.06538927904</c:v>
                </c:pt>
                <c:pt idx="12077">
                  <c:v>532363.06538927904</c:v>
                </c:pt>
                <c:pt idx="12078">
                  <c:v>532363.06538927904</c:v>
                </c:pt>
                <c:pt idx="12079">
                  <c:v>532363.06538927904</c:v>
                </c:pt>
                <c:pt idx="12080">
                  <c:v>532363.06538927904</c:v>
                </c:pt>
                <c:pt idx="12081">
                  <c:v>532363.06538927904</c:v>
                </c:pt>
                <c:pt idx="12082">
                  <c:v>532363.06538927904</c:v>
                </c:pt>
                <c:pt idx="12083">
                  <c:v>532363.06538927904</c:v>
                </c:pt>
                <c:pt idx="12084">
                  <c:v>532363.06538927904</c:v>
                </c:pt>
                <c:pt idx="12085">
                  <c:v>532363.06538927904</c:v>
                </c:pt>
                <c:pt idx="12086">
                  <c:v>532363.06538927904</c:v>
                </c:pt>
                <c:pt idx="12087">
                  <c:v>532363.06538927904</c:v>
                </c:pt>
                <c:pt idx="12088">
                  <c:v>532363.06538927904</c:v>
                </c:pt>
                <c:pt idx="12089">
                  <c:v>532363.06538927904</c:v>
                </c:pt>
                <c:pt idx="12090">
                  <c:v>532363.06538927904</c:v>
                </c:pt>
                <c:pt idx="12091">
                  <c:v>532363.06538927904</c:v>
                </c:pt>
                <c:pt idx="12092">
                  <c:v>532363.06538927904</c:v>
                </c:pt>
                <c:pt idx="12093">
                  <c:v>532363.06538927904</c:v>
                </c:pt>
                <c:pt idx="12094">
                  <c:v>532363.06538927904</c:v>
                </c:pt>
                <c:pt idx="12095">
                  <c:v>532363.06538927904</c:v>
                </c:pt>
                <c:pt idx="12096">
                  <c:v>532363.06538927904</c:v>
                </c:pt>
                <c:pt idx="12097">
                  <c:v>532363.06538927904</c:v>
                </c:pt>
                <c:pt idx="12098">
                  <c:v>532363.06538927904</c:v>
                </c:pt>
                <c:pt idx="12099">
                  <c:v>532363.06538927904</c:v>
                </c:pt>
                <c:pt idx="12100">
                  <c:v>532363.06538927904</c:v>
                </c:pt>
                <c:pt idx="12101">
                  <c:v>532363.06538927904</c:v>
                </c:pt>
                <c:pt idx="12102">
                  <c:v>532363.06538927904</c:v>
                </c:pt>
                <c:pt idx="12103">
                  <c:v>532363.06538927904</c:v>
                </c:pt>
                <c:pt idx="12104">
                  <c:v>532363.06538927904</c:v>
                </c:pt>
                <c:pt idx="12105">
                  <c:v>532363.06538927904</c:v>
                </c:pt>
                <c:pt idx="12106">
                  <c:v>532363.06538927904</c:v>
                </c:pt>
                <c:pt idx="12107">
                  <c:v>532363.06538927904</c:v>
                </c:pt>
                <c:pt idx="12108">
                  <c:v>532363.06538927904</c:v>
                </c:pt>
                <c:pt idx="12109">
                  <c:v>532363.06538927904</c:v>
                </c:pt>
                <c:pt idx="12110">
                  <c:v>532363.06538927904</c:v>
                </c:pt>
                <c:pt idx="12111">
                  <c:v>532363.06538927904</c:v>
                </c:pt>
                <c:pt idx="12112">
                  <c:v>532363.06538927904</c:v>
                </c:pt>
                <c:pt idx="12113">
                  <c:v>532363.06538927904</c:v>
                </c:pt>
                <c:pt idx="12114">
                  <c:v>532363.06538927904</c:v>
                </c:pt>
                <c:pt idx="12115">
                  <c:v>532363.06538927904</c:v>
                </c:pt>
                <c:pt idx="12116">
                  <c:v>532363.06538927904</c:v>
                </c:pt>
                <c:pt idx="12117">
                  <c:v>532363.06538927904</c:v>
                </c:pt>
                <c:pt idx="12118">
                  <c:v>532363.06538927904</c:v>
                </c:pt>
                <c:pt idx="12119">
                  <c:v>533693.94395700702</c:v>
                </c:pt>
                <c:pt idx="12120">
                  <c:v>533693.94395700702</c:v>
                </c:pt>
                <c:pt idx="12121">
                  <c:v>533693.94395700702</c:v>
                </c:pt>
                <c:pt idx="12122">
                  <c:v>533693.94395700702</c:v>
                </c:pt>
                <c:pt idx="12123">
                  <c:v>533693.94395700702</c:v>
                </c:pt>
                <c:pt idx="12124">
                  <c:v>533693.94395700702</c:v>
                </c:pt>
                <c:pt idx="12125">
                  <c:v>533693.94395700702</c:v>
                </c:pt>
                <c:pt idx="12126">
                  <c:v>533693.94395700702</c:v>
                </c:pt>
                <c:pt idx="12127">
                  <c:v>533693.94395700702</c:v>
                </c:pt>
                <c:pt idx="12128">
                  <c:v>533693.94395700702</c:v>
                </c:pt>
                <c:pt idx="12129">
                  <c:v>533693.94395700702</c:v>
                </c:pt>
                <c:pt idx="12130">
                  <c:v>533693.94395700702</c:v>
                </c:pt>
                <c:pt idx="12131">
                  <c:v>533693.94395700702</c:v>
                </c:pt>
                <c:pt idx="12132">
                  <c:v>533693.94395700702</c:v>
                </c:pt>
                <c:pt idx="12133">
                  <c:v>533693.94395700702</c:v>
                </c:pt>
                <c:pt idx="12134">
                  <c:v>533723.92846172105</c:v>
                </c:pt>
                <c:pt idx="12135">
                  <c:v>533723.92846172105</c:v>
                </c:pt>
                <c:pt idx="12136">
                  <c:v>533723.92846172105</c:v>
                </c:pt>
                <c:pt idx="12137">
                  <c:v>533962.29739597603</c:v>
                </c:pt>
                <c:pt idx="12138">
                  <c:v>533962.29739597603</c:v>
                </c:pt>
                <c:pt idx="12139">
                  <c:v>533962.29739597603</c:v>
                </c:pt>
                <c:pt idx="12140">
                  <c:v>533962.29739597603</c:v>
                </c:pt>
                <c:pt idx="12141">
                  <c:v>533962.29739597603</c:v>
                </c:pt>
                <c:pt idx="12142">
                  <c:v>533962.29739597603</c:v>
                </c:pt>
                <c:pt idx="12143">
                  <c:v>533962.29739597603</c:v>
                </c:pt>
                <c:pt idx="12144">
                  <c:v>533962.29739597603</c:v>
                </c:pt>
                <c:pt idx="12145">
                  <c:v>533962.29739597603</c:v>
                </c:pt>
                <c:pt idx="12146">
                  <c:v>533962.29739597603</c:v>
                </c:pt>
                <c:pt idx="12147">
                  <c:v>533962.29739597603</c:v>
                </c:pt>
                <c:pt idx="12148">
                  <c:v>533962.29739597603</c:v>
                </c:pt>
                <c:pt idx="12149">
                  <c:v>533962.29739597603</c:v>
                </c:pt>
                <c:pt idx="12150">
                  <c:v>533962.29739597603</c:v>
                </c:pt>
                <c:pt idx="12151">
                  <c:v>533962.29739597603</c:v>
                </c:pt>
                <c:pt idx="12152">
                  <c:v>533962.29739597603</c:v>
                </c:pt>
                <c:pt idx="12153">
                  <c:v>533962.29739597603</c:v>
                </c:pt>
                <c:pt idx="12154">
                  <c:v>533962.29739597603</c:v>
                </c:pt>
                <c:pt idx="12155">
                  <c:v>533962.29739597603</c:v>
                </c:pt>
                <c:pt idx="12156">
                  <c:v>533962.29739597603</c:v>
                </c:pt>
                <c:pt idx="12157">
                  <c:v>533962.29739597603</c:v>
                </c:pt>
                <c:pt idx="12158">
                  <c:v>533962.29739597603</c:v>
                </c:pt>
                <c:pt idx="12159">
                  <c:v>533962.29739597603</c:v>
                </c:pt>
                <c:pt idx="12160">
                  <c:v>533962.29739597603</c:v>
                </c:pt>
                <c:pt idx="12161">
                  <c:v>533962.29739597603</c:v>
                </c:pt>
                <c:pt idx="12162">
                  <c:v>533962.29739597603</c:v>
                </c:pt>
                <c:pt idx="12163">
                  <c:v>533962.29739597603</c:v>
                </c:pt>
                <c:pt idx="12164">
                  <c:v>533962.29739597603</c:v>
                </c:pt>
                <c:pt idx="12165">
                  <c:v>533962.29739597603</c:v>
                </c:pt>
                <c:pt idx="12166">
                  <c:v>533962.29739597603</c:v>
                </c:pt>
                <c:pt idx="12167">
                  <c:v>533962.29739597603</c:v>
                </c:pt>
                <c:pt idx="12168">
                  <c:v>533962.29739597603</c:v>
                </c:pt>
                <c:pt idx="12169">
                  <c:v>533962.29739597603</c:v>
                </c:pt>
                <c:pt idx="12170">
                  <c:v>533962.29739597603</c:v>
                </c:pt>
                <c:pt idx="12171">
                  <c:v>533962.29739597603</c:v>
                </c:pt>
                <c:pt idx="12172">
                  <c:v>533962.29739597603</c:v>
                </c:pt>
                <c:pt idx="12173">
                  <c:v>533962.29739597603</c:v>
                </c:pt>
                <c:pt idx="12174">
                  <c:v>533962.29739597603</c:v>
                </c:pt>
                <c:pt idx="12175">
                  <c:v>533962.29739597603</c:v>
                </c:pt>
                <c:pt idx="12176">
                  <c:v>533962.29739597603</c:v>
                </c:pt>
                <c:pt idx="12177">
                  <c:v>533962.29739597603</c:v>
                </c:pt>
                <c:pt idx="12178">
                  <c:v>533962.29739597603</c:v>
                </c:pt>
                <c:pt idx="12179">
                  <c:v>533962.29739597603</c:v>
                </c:pt>
                <c:pt idx="12180">
                  <c:v>533962.29739597603</c:v>
                </c:pt>
                <c:pt idx="12181">
                  <c:v>533962.29739597603</c:v>
                </c:pt>
                <c:pt idx="12182">
                  <c:v>533962.29739597603</c:v>
                </c:pt>
                <c:pt idx="12183">
                  <c:v>533962.29739597603</c:v>
                </c:pt>
                <c:pt idx="12184">
                  <c:v>533962.29739597603</c:v>
                </c:pt>
                <c:pt idx="12185">
                  <c:v>533962.29739597603</c:v>
                </c:pt>
                <c:pt idx="12186">
                  <c:v>533962.29739597603</c:v>
                </c:pt>
                <c:pt idx="12187">
                  <c:v>533962.29739597603</c:v>
                </c:pt>
                <c:pt idx="12188">
                  <c:v>533962.29739597603</c:v>
                </c:pt>
                <c:pt idx="12189">
                  <c:v>533985.474686387</c:v>
                </c:pt>
                <c:pt idx="12190">
                  <c:v>533985.474686387</c:v>
                </c:pt>
                <c:pt idx="12191">
                  <c:v>533985.474686387</c:v>
                </c:pt>
                <c:pt idx="12192">
                  <c:v>533985.474686387</c:v>
                </c:pt>
                <c:pt idx="12193">
                  <c:v>534131.939056642</c:v>
                </c:pt>
                <c:pt idx="12194">
                  <c:v>534131.939056642</c:v>
                </c:pt>
                <c:pt idx="12195">
                  <c:v>534131.939056642</c:v>
                </c:pt>
                <c:pt idx="12196">
                  <c:v>534131.939056642</c:v>
                </c:pt>
                <c:pt idx="12197">
                  <c:v>534131.939056642</c:v>
                </c:pt>
                <c:pt idx="12198">
                  <c:v>534131.939056642</c:v>
                </c:pt>
                <c:pt idx="12199">
                  <c:v>534131.939056642</c:v>
                </c:pt>
                <c:pt idx="12200">
                  <c:v>534131.939056642</c:v>
                </c:pt>
                <c:pt idx="12201">
                  <c:v>534131.939056642</c:v>
                </c:pt>
                <c:pt idx="12202">
                  <c:v>534131.939056642</c:v>
                </c:pt>
                <c:pt idx="12203">
                  <c:v>534131.939056642</c:v>
                </c:pt>
                <c:pt idx="12204">
                  <c:v>534131.939056642</c:v>
                </c:pt>
                <c:pt idx="12205">
                  <c:v>534131.939056642</c:v>
                </c:pt>
                <c:pt idx="12206">
                  <c:v>534131.939056642</c:v>
                </c:pt>
                <c:pt idx="12207">
                  <c:v>534131.939056642</c:v>
                </c:pt>
                <c:pt idx="12208">
                  <c:v>534131.939056642</c:v>
                </c:pt>
                <c:pt idx="12209">
                  <c:v>534131.939056642</c:v>
                </c:pt>
                <c:pt idx="12210">
                  <c:v>534131.939056642</c:v>
                </c:pt>
                <c:pt idx="12211">
                  <c:v>534131.939056642</c:v>
                </c:pt>
                <c:pt idx="12212">
                  <c:v>534131.939056642</c:v>
                </c:pt>
                <c:pt idx="12213">
                  <c:v>534131.939056642</c:v>
                </c:pt>
                <c:pt idx="12214">
                  <c:v>534131.939056642</c:v>
                </c:pt>
                <c:pt idx="12215">
                  <c:v>534131.939056642</c:v>
                </c:pt>
                <c:pt idx="12216">
                  <c:v>534131.939056642</c:v>
                </c:pt>
                <c:pt idx="12217">
                  <c:v>534131.939056642</c:v>
                </c:pt>
                <c:pt idx="12218">
                  <c:v>534131.939056642</c:v>
                </c:pt>
                <c:pt idx="12219">
                  <c:v>534131.939056642</c:v>
                </c:pt>
                <c:pt idx="12220">
                  <c:v>534131.939056642</c:v>
                </c:pt>
                <c:pt idx="12221">
                  <c:v>534131.939056642</c:v>
                </c:pt>
                <c:pt idx="12222">
                  <c:v>534131.939056642</c:v>
                </c:pt>
                <c:pt idx="12223">
                  <c:v>534131.939056642</c:v>
                </c:pt>
                <c:pt idx="12224">
                  <c:v>534131.939056642</c:v>
                </c:pt>
                <c:pt idx="12225">
                  <c:v>534131.939056642</c:v>
                </c:pt>
                <c:pt idx="12226">
                  <c:v>534131.939056642</c:v>
                </c:pt>
                <c:pt idx="12227">
                  <c:v>534457.62607098196</c:v>
                </c:pt>
                <c:pt idx="12228">
                  <c:v>534459.84117145895</c:v>
                </c:pt>
                <c:pt idx="12229">
                  <c:v>536324.85406349401</c:v>
                </c:pt>
                <c:pt idx="12230">
                  <c:v>536324.85406349401</c:v>
                </c:pt>
                <c:pt idx="12231">
                  <c:v>536324.85406349401</c:v>
                </c:pt>
                <c:pt idx="12232">
                  <c:v>536324.85406349401</c:v>
                </c:pt>
                <c:pt idx="12233">
                  <c:v>536324.85406349401</c:v>
                </c:pt>
                <c:pt idx="12234">
                  <c:v>536324.85406349401</c:v>
                </c:pt>
                <c:pt idx="12235">
                  <c:v>536324.85406349401</c:v>
                </c:pt>
                <c:pt idx="12236">
                  <c:v>536324.85406349401</c:v>
                </c:pt>
                <c:pt idx="12237">
                  <c:v>536324.85406349401</c:v>
                </c:pt>
                <c:pt idx="12238">
                  <c:v>536324.85406349401</c:v>
                </c:pt>
                <c:pt idx="12239">
                  <c:v>536324.85406349401</c:v>
                </c:pt>
                <c:pt idx="12240">
                  <c:v>536324.85406349401</c:v>
                </c:pt>
                <c:pt idx="12241">
                  <c:v>536324.85406349401</c:v>
                </c:pt>
                <c:pt idx="12242">
                  <c:v>536324.85406349401</c:v>
                </c:pt>
                <c:pt idx="12243">
                  <c:v>536324.85406349401</c:v>
                </c:pt>
                <c:pt idx="12244">
                  <c:v>536324.85406349401</c:v>
                </c:pt>
                <c:pt idx="12245">
                  <c:v>536324.85406349401</c:v>
                </c:pt>
                <c:pt idx="12246">
                  <c:v>536324.85406349401</c:v>
                </c:pt>
                <c:pt idx="12247">
                  <c:v>536324.85406349401</c:v>
                </c:pt>
                <c:pt idx="12248">
                  <c:v>536324.85406349401</c:v>
                </c:pt>
                <c:pt idx="12249">
                  <c:v>536324.85406349401</c:v>
                </c:pt>
                <c:pt idx="12250">
                  <c:v>536324.85406349401</c:v>
                </c:pt>
                <c:pt idx="12251">
                  <c:v>536324.85406349401</c:v>
                </c:pt>
                <c:pt idx="12252">
                  <c:v>536324.85406349401</c:v>
                </c:pt>
                <c:pt idx="12253">
                  <c:v>536324.85406349401</c:v>
                </c:pt>
                <c:pt idx="12254">
                  <c:v>536324.85406349401</c:v>
                </c:pt>
                <c:pt idx="12255">
                  <c:v>536324.85406349401</c:v>
                </c:pt>
                <c:pt idx="12256">
                  <c:v>536324.85406349401</c:v>
                </c:pt>
                <c:pt idx="12257">
                  <c:v>536324.85406349401</c:v>
                </c:pt>
                <c:pt idx="12258">
                  <c:v>536324.85406349401</c:v>
                </c:pt>
                <c:pt idx="12259">
                  <c:v>536324.85406349401</c:v>
                </c:pt>
                <c:pt idx="12260">
                  <c:v>536324.85406349401</c:v>
                </c:pt>
                <c:pt idx="12261">
                  <c:v>536324.85406349401</c:v>
                </c:pt>
                <c:pt idx="12262">
                  <c:v>536324.85406349401</c:v>
                </c:pt>
                <c:pt idx="12263">
                  <c:v>536324.85406349401</c:v>
                </c:pt>
                <c:pt idx="12264">
                  <c:v>536324.85406349401</c:v>
                </c:pt>
                <c:pt idx="12265">
                  <c:v>536324.85406349401</c:v>
                </c:pt>
                <c:pt idx="12266">
                  <c:v>536324.85406349401</c:v>
                </c:pt>
                <c:pt idx="12267">
                  <c:v>536324.85406349401</c:v>
                </c:pt>
                <c:pt idx="12268">
                  <c:v>536324.85406349401</c:v>
                </c:pt>
                <c:pt idx="12269">
                  <c:v>536324.85406349401</c:v>
                </c:pt>
                <c:pt idx="12270">
                  <c:v>536324.85406349401</c:v>
                </c:pt>
                <c:pt idx="12271">
                  <c:v>536324.85406349401</c:v>
                </c:pt>
                <c:pt idx="12272">
                  <c:v>536324.85406349401</c:v>
                </c:pt>
                <c:pt idx="12273">
                  <c:v>536324.85406349401</c:v>
                </c:pt>
                <c:pt idx="12274">
                  <c:v>536324.85406349401</c:v>
                </c:pt>
                <c:pt idx="12275">
                  <c:v>536324.85406349401</c:v>
                </c:pt>
                <c:pt idx="12276">
                  <c:v>536324.85406349401</c:v>
                </c:pt>
                <c:pt idx="12277">
                  <c:v>536324.85406349401</c:v>
                </c:pt>
                <c:pt idx="12278">
                  <c:v>536324.85406349401</c:v>
                </c:pt>
                <c:pt idx="12279">
                  <c:v>536324.85406349401</c:v>
                </c:pt>
                <c:pt idx="12280">
                  <c:v>536324.85406349401</c:v>
                </c:pt>
                <c:pt idx="12281">
                  <c:v>536324.85406349401</c:v>
                </c:pt>
                <c:pt idx="12282">
                  <c:v>536324.85406349401</c:v>
                </c:pt>
                <c:pt idx="12283">
                  <c:v>536354.17477041401</c:v>
                </c:pt>
                <c:pt idx="12284">
                  <c:v>536354.17477041401</c:v>
                </c:pt>
                <c:pt idx="12285">
                  <c:v>536354.17477041401</c:v>
                </c:pt>
                <c:pt idx="12286">
                  <c:v>536354.17477041401</c:v>
                </c:pt>
                <c:pt idx="12287">
                  <c:v>536354.17477041401</c:v>
                </c:pt>
                <c:pt idx="12288">
                  <c:v>536354.17477041401</c:v>
                </c:pt>
                <c:pt idx="12289">
                  <c:v>536354.17477041401</c:v>
                </c:pt>
                <c:pt idx="12290">
                  <c:v>536672.48738611396</c:v>
                </c:pt>
                <c:pt idx="12291">
                  <c:v>536672.48738611396</c:v>
                </c:pt>
                <c:pt idx="12292">
                  <c:v>536672.48738611396</c:v>
                </c:pt>
                <c:pt idx="12293">
                  <c:v>536672.48738611396</c:v>
                </c:pt>
                <c:pt idx="12294">
                  <c:v>536672.48738611396</c:v>
                </c:pt>
                <c:pt idx="12295">
                  <c:v>536672.48738611396</c:v>
                </c:pt>
                <c:pt idx="12296">
                  <c:v>536672.48738611396</c:v>
                </c:pt>
                <c:pt idx="12297">
                  <c:v>536672.48738611396</c:v>
                </c:pt>
                <c:pt idx="12298">
                  <c:v>536672.48738611396</c:v>
                </c:pt>
                <c:pt idx="12299">
                  <c:v>536672.48738611396</c:v>
                </c:pt>
                <c:pt idx="12300">
                  <c:v>536672.48738611396</c:v>
                </c:pt>
                <c:pt idx="12301">
                  <c:v>536672.48738611396</c:v>
                </c:pt>
                <c:pt idx="12302">
                  <c:v>536672.48738611396</c:v>
                </c:pt>
                <c:pt idx="12303">
                  <c:v>536672.48738611396</c:v>
                </c:pt>
                <c:pt idx="12304">
                  <c:v>536672.48738611396</c:v>
                </c:pt>
                <c:pt idx="12305">
                  <c:v>536672.48738611396</c:v>
                </c:pt>
                <c:pt idx="12306">
                  <c:v>536672.48738611396</c:v>
                </c:pt>
                <c:pt idx="12307">
                  <c:v>536672.48738611396</c:v>
                </c:pt>
                <c:pt idx="12308">
                  <c:v>536672.48738611396</c:v>
                </c:pt>
                <c:pt idx="12309">
                  <c:v>536672.48738611396</c:v>
                </c:pt>
                <c:pt idx="12310">
                  <c:v>536672.48738611396</c:v>
                </c:pt>
                <c:pt idx="12311">
                  <c:v>536672.48738611396</c:v>
                </c:pt>
                <c:pt idx="12312">
                  <c:v>536672.48738611396</c:v>
                </c:pt>
                <c:pt idx="12313">
                  <c:v>536672.48738611396</c:v>
                </c:pt>
                <c:pt idx="12314">
                  <c:v>536672.48738611396</c:v>
                </c:pt>
                <c:pt idx="12315">
                  <c:v>536672.48738611396</c:v>
                </c:pt>
                <c:pt idx="12316">
                  <c:v>536672.48738611396</c:v>
                </c:pt>
                <c:pt idx="12317">
                  <c:v>536672.48738611396</c:v>
                </c:pt>
                <c:pt idx="12318">
                  <c:v>536672.48738611396</c:v>
                </c:pt>
                <c:pt idx="12319">
                  <c:v>536672.48738611396</c:v>
                </c:pt>
                <c:pt idx="12320">
                  <c:v>536672.48738611396</c:v>
                </c:pt>
                <c:pt idx="12321">
                  <c:v>536672.48738611396</c:v>
                </c:pt>
                <c:pt idx="12322">
                  <c:v>536672.48738611396</c:v>
                </c:pt>
                <c:pt idx="12323">
                  <c:v>536672.48738611396</c:v>
                </c:pt>
                <c:pt idx="12324">
                  <c:v>536672.48738611396</c:v>
                </c:pt>
                <c:pt idx="12325">
                  <c:v>536672.48738611396</c:v>
                </c:pt>
                <c:pt idx="12326">
                  <c:v>536672.48738611396</c:v>
                </c:pt>
                <c:pt idx="12327">
                  <c:v>536672.48738611396</c:v>
                </c:pt>
                <c:pt idx="12328">
                  <c:v>536672.48738611396</c:v>
                </c:pt>
                <c:pt idx="12329">
                  <c:v>536672.48738611396</c:v>
                </c:pt>
                <c:pt idx="12330">
                  <c:v>536672.48738611396</c:v>
                </c:pt>
                <c:pt idx="12331">
                  <c:v>536672.48738611396</c:v>
                </c:pt>
                <c:pt idx="12332">
                  <c:v>536672.48738611396</c:v>
                </c:pt>
                <c:pt idx="12333">
                  <c:v>536672.48738611396</c:v>
                </c:pt>
                <c:pt idx="12334">
                  <c:v>536672.48738611396</c:v>
                </c:pt>
                <c:pt idx="12335">
                  <c:v>536672.48738611396</c:v>
                </c:pt>
                <c:pt idx="12336">
                  <c:v>536672.48738611396</c:v>
                </c:pt>
                <c:pt idx="12337">
                  <c:v>536672.48738611396</c:v>
                </c:pt>
                <c:pt idx="12338">
                  <c:v>536672.48738611396</c:v>
                </c:pt>
                <c:pt idx="12339">
                  <c:v>536672.48738611396</c:v>
                </c:pt>
                <c:pt idx="12340">
                  <c:v>536672.48738611396</c:v>
                </c:pt>
                <c:pt idx="12341">
                  <c:v>536672.48738611396</c:v>
                </c:pt>
                <c:pt idx="12342">
                  <c:v>536672.48738611396</c:v>
                </c:pt>
                <c:pt idx="12343">
                  <c:v>536672.48738611396</c:v>
                </c:pt>
                <c:pt idx="12344">
                  <c:v>536672.48738611396</c:v>
                </c:pt>
                <c:pt idx="12345">
                  <c:v>536672.48738611396</c:v>
                </c:pt>
                <c:pt idx="12346">
                  <c:v>536672.48738611396</c:v>
                </c:pt>
                <c:pt idx="12347">
                  <c:v>536672.48738611396</c:v>
                </c:pt>
                <c:pt idx="12348">
                  <c:v>536672.48738611396</c:v>
                </c:pt>
                <c:pt idx="12349">
                  <c:v>536672.48738611396</c:v>
                </c:pt>
                <c:pt idx="12350">
                  <c:v>536672.48738611396</c:v>
                </c:pt>
                <c:pt idx="12351">
                  <c:v>536672.48738611396</c:v>
                </c:pt>
                <c:pt idx="12352">
                  <c:v>536672.48738611396</c:v>
                </c:pt>
                <c:pt idx="12353">
                  <c:v>536672.48738611396</c:v>
                </c:pt>
                <c:pt idx="12354">
                  <c:v>536672.48738611396</c:v>
                </c:pt>
                <c:pt idx="12355">
                  <c:v>536672.48738611396</c:v>
                </c:pt>
                <c:pt idx="12356">
                  <c:v>536672.48738611396</c:v>
                </c:pt>
                <c:pt idx="12357">
                  <c:v>536672.48738611396</c:v>
                </c:pt>
                <c:pt idx="12358">
                  <c:v>536672.48738611396</c:v>
                </c:pt>
                <c:pt idx="12359">
                  <c:v>536672.48738611396</c:v>
                </c:pt>
                <c:pt idx="12360">
                  <c:v>536672.48738611396</c:v>
                </c:pt>
                <c:pt idx="12361">
                  <c:v>536672.48738611396</c:v>
                </c:pt>
                <c:pt idx="12362">
                  <c:v>536672.48738611396</c:v>
                </c:pt>
                <c:pt idx="12363">
                  <c:v>536672.48738611396</c:v>
                </c:pt>
                <c:pt idx="12364">
                  <c:v>536672.48738611396</c:v>
                </c:pt>
                <c:pt idx="12365">
                  <c:v>536672.48738611396</c:v>
                </c:pt>
                <c:pt idx="12366">
                  <c:v>536672.48738611396</c:v>
                </c:pt>
                <c:pt idx="12367">
                  <c:v>536672.48738611396</c:v>
                </c:pt>
                <c:pt idx="12368">
                  <c:v>536877.96105344396</c:v>
                </c:pt>
                <c:pt idx="12369">
                  <c:v>536877.96105344396</c:v>
                </c:pt>
                <c:pt idx="12370">
                  <c:v>536877.96105344396</c:v>
                </c:pt>
                <c:pt idx="12371">
                  <c:v>538525.85196255904</c:v>
                </c:pt>
                <c:pt idx="12372">
                  <c:v>538525.85196255904</c:v>
                </c:pt>
                <c:pt idx="12373">
                  <c:v>538525.85196255904</c:v>
                </c:pt>
                <c:pt idx="12374">
                  <c:v>538525.85196255904</c:v>
                </c:pt>
                <c:pt idx="12375">
                  <c:v>538525.85196255904</c:v>
                </c:pt>
                <c:pt idx="12376">
                  <c:v>538525.85196255904</c:v>
                </c:pt>
                <c:pt idx="12377">
                  <c:v>538525.85196255904</c:v>
                </c:pt>
                <c:pt idx="12378">
                  <c:v>538525.85196255904</c:v>
                </c:pt>
                <c:pt idx="12379">
                  <c:v>538525.85196255904</c:v>
                </c:pt>
                <c:pt idx="12380">
                  <c:v>538525.85196255904</c:v>
                </c:pt>
                <c:pt idx="12381">
                  <c:v>538525.85196255904</c:v>
                </c:pt>
                <c:pt idx="12382">
                  <c:v>538525.85196255904</c:v>
                </c:pt>
                <c:pt idx="12383">
                  <c:v>538525.85196255904</c:v>
                </c:pt>
                <c:pt idx="12384">
                  <c:v>538525.85196255904</c:v>
                </c:pt>
                <c:pt idx="12385">
                  <c:v>538525.85196255904</c:v>
                </c:pt>
                <c:pt idx="12386">
                  <c:v>538525.85196255904</c:v>
                </c:pt>
                <c:pt idx="12387">
                  <c:v>538525.85196255904</c:v>
                </c:pt>
                <c:pt idx="12388">
                  <c:v>538525.85196255904</c:v>
                </c:pt>
                <c:pt idx="12389">
                  <c:v>538525.85196255904</c:v>
                </c:pt>
                <c:pt idx="12390">
                  <c:v>538525.85196255904</c:v>
                </c:pt>
                <c:pt idx="12391">
                  <c:v>538525.85196255904</c:v>
                </c:pt>
                <c:pt idx="12392">
                  <c:v>538525.85196255904</c:v>
                </c:pt>
                <c:pt idx="12393">
                  <c:v>538525.85196255904</c:v>
                </c:pt>
                <c:pt idx="12394">
                  <c:v>538525.85196255904</c:v>
                </c:pt>
                <c:pt idx="12395">
                  <c:v>538525.85196255904</c:v>
                </c:pt>
                <c:pt idx="12396">
                  <c:v>538525.85196255904</c:v>
                </c:pt>
                <c:pt idx="12397">
                  <c:v>538525.85196255904</c:v>
                </c:pt>
                <c:pt idx="12398">
                  <c:v>538525.85196255904</c:v>
                </c:pt>
                <c:pt idx="12399">
                  <c:v>538525.85196255904</c:v>
                </c:pt>
                <c:pt idx="12400">
                  <c:v>538525.85196255904</c:v>
                </c:pt>
                <c:pt idx="12401">
                  <c:v>538525.85196255904</c:v>
                </c:pt>
                <c:pt idx="12402">
                  <c:v>538525.85196255904</c:v>
                </c:pt>
                <c:pt idx="12403">
                  <c:v>538525.85196255904</c:v>
                </c:pt>
                <c:pt idx="12404">
                  <c:v>538525.85196255904</c:v>
                </c:pt>
                <c:pt idx="12405">
                  <c:v>538525.85196255904</c:v>
                </c:pt>
                <c:pt idx="12406">
                  <c:v>538525.85196255904</c:v>
                </c:pt>
                <c:pt idx="12407">
                  <c:v>538525.85196255904</c:v>
                </c:pt>
                <c:pt idx="12408">
                  <c:v>538525.85196255904</c:v>
                </c:pt>
                <c:pt idx="12409">
                  <c:v>538525.85196255904</c:v>
                </c:pt>
                <c:pt idx="12410">
                  <c:v>538525.85196255904</c:v>
                </c:pt>
                <c:pt idx="12411">
                  <c:v>538525.85196255904</c:v>
                </c:pt>
                <c:pt idx="12412">
                  <c:v>538599.32057681296</c:v>
                </c:pt>
                <c:pt idx="12413">
                  <c:v>538599.32057681296</c:v>
                </c:pt>
                <c:pt idx="12414">
                  <c:v>538599.32057681296</c:v>
                </c:pt>
                <c:pt idx="12415">
                  <c:v>538599.32057681296</c:v>
                </c:pt>
                <c:pt idx="12416">
                  <c:v>538599.32057681296</c:v>
                </c:pt>
                <c:pt idx="12417">
                  <c:v>538599.32057681296</c:v>
                </c:pt>
                <c:pt idx="12418">
                  <c:v>538599.32057681296</c:v>
                </c:pt>
                <c:pt idx="12419">
                  <c:v>538599.32057681296</c:v>
                </c:pt>
                <c:pt idx="12420">
                  <c:v>538599.32057681296</c:v>
                </c:pt>
                <c:pt idx="12421">
                  <c:v>538599.32057681296</c:v>
                </c:pt>
                <c:pt idx="12422">
                  <c:v>539839.88998210803</c:v>
                </c:pt>
                <c:pt idx="12423">
                  <c:v>541381.16334024398</c:v>
                </c:pt>
                <c:pt idx="12424">
                  <c:v>541381.16334024398</c:v>
                </c:pt>
                <c:pt idx="12425">
                  <c:v>541381.16334024398</c:v>
                </c:pt>
                <c:pt idx="12426">
                  <c:v>541381.16334024398</c:v>
                </c:pt>
                <c:pt idx="12427">
                  <c:v>541381.16334024398</c:v>
                </c:pt>
                <c:pt idx="12428">
                  <c:v>543089.22137739405</c:v>
                </c:pt>
                <c:pt idx="12429">
                  <c:v>543089.22137739405</c:v>
                </c:pt>
                <c:pt idx="12430">
                  <c:v>543106.11444254499</c:v>
                </c:pt>
                <c:pt idx="12431">
                  <c:v>543106.11444254499</c:v>
                </c:pt>
                <c:pt idx="12432">
                  <c:v>543303.746093138</c:v>
                </c:pt>
                <c:pt idx="12433">
                  <c:v>543303.746093138</c:v>
                </c:pt>
                <c:pt idx="12434">
                  <c:v>543303.746093138</c:v>
                </c:pt>
                <c:pt idx="12435">
                  <c:v>543303.746093138</c:v>
                </c:pt>
                <c:pt idx="12436">
                  <c:v>543303.746093138</c:v>
                </c:pt>
                <c:pt idx="12437">
                  <c:v>543303.746093138</c:v>
                </c:pt>
                <c:pt idx="12438">
                  <c:v>543303.746093138</c:v>
                </c:pt>
                <c:pt idx="12439">
                  <c:v>543303.746093138</c:v>
                </c:pt>
                <c:pt idx="12440">
                  <c:v>545437.978526438</c:v>
                </c:pt>
                <c:pt idx="12441">
                  <c:v>545437.978526438</c:v>
                </c:pt>
                <c:pt idx="12442">
                  <c:v>545437.978526438</c:v>
                </c:pt>
                <c:pt idx="12443">
                  <c:v>545437.978526438</c:v>
                </c:pt>
                <c:pt idx="12444">
                  <c:v>545437.978526438</c:v>
                </c:pt>
                <c:pt idx="12445">
                  <c:v>545437.978526438</c:v>
                </c:pt>
                <c:pt idx="12446">
                  <c:v>545437.978526438</c:v>
                </c:pt>
                <c:pt idx="12447">
                  <c:v>545480.28464163397</c:v>
                </c:pt>
                <c:pt idx="12448">
                  <c:v>545480.28464163397</c:v>
                </c:pt>
                <c:pt idx="12449">
                  <c:v>545480.28464163397</c:v>
                </c:pt>
                <c:pt idx="12450">
                  <c:v>545480.28464163397</c:v>
                </c:pt>
                <c:pt idx="12451">
                  <c:v>545480.28464163397</c:v>
                </c:pt>
                <c:pt idx="12452">
                  <c:v>545480.28464163397</c:v>
                </c:pt>
                <c:pt idx="12453">
                  <c:v>545480.28464163397</c:v>
                </c:pt>
                <c:pt idx="12454">
                  <c:v>545480.28464163397</c:v>
                </c:pt>
                <c:pt idx="12455">
                  <c:v>545480.28464163397</c:v>
                </c:pt>
                <c:pt idx="12456">
                  <c:v>545480.28464163397</c:v>
                </c:pt>
                <c:pt idx="12457">
                  <c:v>545480.28464163397</c:v>
                </c:pt>
                <c:pt idx="12458">
                  <c:v>545480.28464163397</c:v>
                </c:pt>
                <c:pt idx="12459">
                  <c:v>545480.28464163397</c:v>
                </c:pt>
                <c:pt idx="12460">
                  <c:v>545480.28464163397</c:v>
                </c:pt>
                <c:pt idx="12461">
                  <c:v>545480.28464163397</c:v>
                </c:pt>
                <c:pt idx="12462">
                  <c:v>545480.28464163397</c:v>
                </c:pt>
                <c:pt idx="12463">
                  <c:v>545480.28464163397</c:v>
                </c:pt>
                <c:pt idx="12464">
                  <c:v>545480.28464163397</c:v>
                </c:pt>
                <c:pt idx="12465">
                  <c:v>545480.28464163397</c:v>
                </c:pt>
                <c:pt idx="12466">
                  <c:v>545480.28464163397</c:v>
                </c:pt>
                <c:pt idx="12467">
                  <c:v>545480.28464163397</c:v>
                </c:pt>
                <c:pt idx="12468">
                  <c:v>545480.28464163397</c:v>
                </c:pt>
                <c:pt idx="12469">
                  <c:v>545480.28464163397</c:v>
                </c:pt>
                <c:pt idx="12470">
                  <c:v>545480.28464163397</c:v>
                </c:pt>
                <c:pt idx="12471">
                  <c:v>545480.28464163397</c:v>
                </c:pt>
                <c:pt idx="12472">
                  <c:v>545480.28464163397</c:v>
                </c:pt>
                <c:pt idx="12473">
                  <c:v>545480.28464163397</c:v>
                </c:pt>
                <c:pt idx="12474">
                  <c:v>545480.28464163397</c:v>
                </c:pt>
                <c:pt idx="12475">
                  <c:v>545480.28464163397</c:v>
                </c:pt>
                <c:pt idx="12476">
                  <c:v>545480.28464163397</c:v>
                </c:pt>
                <c:pt idx="12477">
                  <c:v>545480.28464163397</c:v>
                </c:pt>
                <c:pt idx="12478">
                  <c:v>545480.28464163397</c:v>
                </c:pt>
                <c:pt idx="12479">
                  <c:v>545794.82967095706</c:v>
                </c:pt>
                <c:pt idx="12480">
                  <c:v>545794.82967095706</c:v>
                </c:pt>
                <c:pt idx="12481">
                  <c:v>545794.82967095706</c:v>
                </c:pt>
                <c:pt idx="12482">
                  <c:v>545794.82967095706</c:v>
                </c:pt>
                <c:pt idx="12483">
                  <c:v>545794.82967095706</c:v>
                </c:pt>
                <c:pt idx="12484">
                  <c:v>545794.82967095706</c:v>
                </c:pt>
                <c:pt idx="12485">
                  <c:v>545794.82967095706</c:v>
                </c:pt>
                <c:pt idx="12486">
                  <c:v>545794.82967095706</c:v>
                </c:pt>
                <c:pt idx="12487">
                  <c:v>545794.82967095706</c:v>
                </c:pt>
                <c:pt idx="12488">
                  <c:v>545794.82967095706</c:v>
                </c:pt>
                <c:pt idx="12489">
                  <c:v>545794.82967095706</c:v>
                </c:pt>
                <c:pt idx="12490">
                  <c:v>545794.82967095706</c:v>
                </c:pt>
                <c:pt idx="12491">
                  <c:v>545794.82967095706</c:v>
                </c:pt>
                <c:pt idx="12492">
                  <c:v>546826.96228898002</c:v>
                </c:pt>
                <c:pt idx="12493">
                  <c:v>546826.96228898002</c:v>
                </c:pt>
                <c:pt idx="12494">
                  <c:v>546826.96228898002</c:v>
                </c:pt>
                <c:pt idx="12495">
                  <c:v>546826.96228898002</c:v>
                </c:pt>
                <c:pt idx="12496">
                  <c:v>546826.96228898002</c:v>
                </c:pt>
                <c:pt idx="12497">
                  <c:v>546826.96228898002</c:v>
                </c:pt>
                <c:pt idx="12498">
                  <c:v>547251.70431127399</c:v>
                </c:pt>
                <c:pt idx="12499">
                  <c:v>547251.70431127399</c:v>
                </c:pt>
                <c:pt idx="12500">
                  <c:v>547251.70431127399</c:v>
                </c:pt>
                <c:pt idx="12501">
                  <c:v>547251.70431127399</c:v>
                </c:pt>
                <c:pt idx="12502">
                  <c:v>547251.70431127399</c:v>
                </c:pt>
                <c:pt idx="12503">
                  <c:v>547251.70431127399</c:v>
                </c:pt>
                <c:pt idx="12504">
                  <c:v>547251.70431127399</c:v>
                </c:pt>
                <c:pt idx="12505">
                  <c:v>547251.70431127399</c:v>
                </c:pt>
                <c:pt idx="12506">
                  <c:v>547251.70431127399</c:v>
                </c:pt>
                <c:pt idx="12507">
                  <c:v>547251.70431127399</c:v>
                </c:pt>
                <c:pt idx="12508">
                  <c:v>547251.70431127399</c:v>
                </c:pt>
                <c:pt idx="12509">
                  <c:v>547251.70431127399</c:v>
                </c:pt>
                <c:pt idx="12510">
                  <c:v>547251.70431127399</c:v>
                </c:pt>
                <c:pt idx="12511">
                  <c:v>547251.70431127399</c:v>
                </c:pt>
                <c:pt idx="12512">
                  <c:v>547251.70431127399</c:v>
                </c:pt>
                <c:pt idx="12513">
                  <c:v>547251.70431127399</c:v>
                </c:pt>
                <c:pt idx="12514">
                  <c:v>547251.70431127399</c:v>
                </c:pt>
                <c:pt idx="12515">
                  <c:v>547251.70431127399</c:v>
                </c:pt>
                <c:pt idx="12516">
                  <c:v>547251.70431127399</c:v>
                </c:pt>
                <c:pt idx="12517">
                  <c:v>547251.70431127399</c:v>
                </c:pt>
                <c:pt idx="12518">
                  <c:v>547251.70431127399</c:v>
                </c:pt>
                <c:pt idx="12519">
                  <c:v>547251.70431127399</c:v>
                </c:pt>
                <c:pt idx="12520">
                  <c:v>547251.70431127399</c:v>
                </c:pt>
                <c:pt idx="12521">
                  <c:v>547251.70431127399</c:v>
                </c:pt>
                <c:pt idx="12522">
                  <c:v>547251.70431127399</c:v>
                </c:pt>
                <c:pt idx="12523">
                  <c:v>547251.70431127399</c:v>
                </c:pt>
                <c:pt idx="12524">
                  <c:v>547251.70431127399</c:v>
                </c:pt>
                <c:pt idx="12525">
                  <c:v>547251.70431127399</c:v>
                </c:pt>
                <c:pt idx="12526">
                  <c:v>547251.70431127399</c:v>
                </c:pt>
                <c:pt idx="12527">
                  <c:v>547251.70431127399</c:v>
                </c:pt>
                <c:pt idx="12528">
                  <c:v>547251.70431127399</c:v>
                </c:pt>
                <c:pt idx="12529">
                  <c:v>547251.70431127399</c:v>
                </c:pt>
                <c:pt idx="12530">
                  <c:v>547251.70431127399</c:v>
                </c:pt>
                <c:pt idx="12531">
                  <c:v>547251.70431127399</c:v>
                </c:pt>
                <c:pt idx="12532">
                  <c:v>547251.70431127399</c:v>
                </c:pt>
                <c:pt idx="12533">
                  <c:v>547251.70431127399</c:v>
                </c:pt>
                <c:pt idx="12534">
                  <c:v>547251.70431127399</c:v>
                </c:pt>
                <c:pt idx="12535">
                  <c:v>547251.70431127399</c:v>
                </c:pt>
                <c:pt idx="12536">
                  <c:v>547251.70431127399</c:v>
                </c:pt>
                <c:pt idx="12537">
                  <c:v>547287.93981043203</c:v>
                </c:pt>
                <c:pt idx="12538">
                  <c:v>547287.93981043203</c:v>
                </c:pt>
                <c:pt idx="12539">
                  <c:v>547287.93981043203</c:v>
                </c:pt>
                <c:pt idx="12540">
                  <c:v>547287.93981043203</c:v>
                </c:pt>
                <c:pt idx="12541">
                  <c:v>547287.93981043203</c:v>
                </c:pt>
                <c:pt idx="12542">
                  <c:v>547287.93981043203</c:v>
                </c:pt>
                <c:pt idx="12543">
                  <c:v>547287.93981043203</c:v>
                </c:pt>
                <c:pt idx="12544">
                  <c:v>547287.93981043203</c:v>
                </c:pt>
                <c:pt idx="12545">
                  <c:v>547287.93981043203</c:v>
                </c:pt>
                <c:pt idx="12546">
                  <c:v>547287.93981043203</c:v>
                </c:pt>
                <c:pt idx="12547">
                  <c:v>547287.93981043203</c:v>
                </c:pt>
                <c:pt idx="12548">
                  <c:v>547287.93981043203</c:v>
                </c:pt>
                <c:pt idx="12549">
                  <c:v>547287.93981043203</c:v>
                </c:pt>
                <c:pt idx="12550">
                  <c:v>547287.93981043203</c:v>
                </c:pt>
                <c:pt idx="12551">
                  <c:v>547287.93981043203</c:v>
                </c:pt>
                <c:pt idx="12552">
                  <c:v>547287.93981043203</c:v>
                </c:pt>
                <c:pt idx="12553">
                  <c:v>547287.93981043203</c:v>
                </c:pt>
                <c:pt idx="12554">
                  <c:v>547287.93981043203</c:v>
                </c:pt>
                <c:pt idx="12555">
                  <c:v>547287.93981043203</c:v>
                </c:pt>
                <c:pt idx="12556">
                  <c:v>547287.93981043203</c:v>
                </c:pt>
                <c:pt idx="12557">
                  <c:v>547480.54788423702</c:v>
                </c:pt>
                <c:pt idx="12558">
                  <c:v>547480.54788423702</c:v>
                </c:pt>
                <c:pt idx="12559">
                  <c:v>547480.54788423702</c:v>
                </c:pt>
                <c:pt idx="12560">
                  <c:v>547480.54788423702</c:v>
                </c:pt>
                <c:pt idx="12561">
                  <c:v>547480.54788423702</c:v>
                </c:pt>
                <c:pt idx="12562">
                  <c:v>547480.54788423702</c:v>
                </c:pt>
                <c:pt idx="12563">
                  <c:v>547480.54788423702</c:v>
                </c:pt>
                <c:pt idx="12564">
                  <c:v>547480.54788423702</c:v>
                </c:pt>
                <c:pt idx="12565">
                  <c:v>547480.54788423702</c:v>
                </c:pt>
                <c:pt idx="12566">
                  <c:v>547480.54788423702</c:v>
                </c:pt>
                <c:pt idx="12567">
                  <c:v>547480.54788423702</c:v>
                </c:pt>
                <c:pt idx="12568">
                  <c:v>547480.54788423702</c:v>
                </c:pt>
                <c:pt idx="12569">
                  <c:v>547480.54788423702</c:v>
                </c:pt>
                <c:pt idx="12570">
                  <c:v>547480.54788423702</c:v>
                </c:pt>
                <c:pt idx="12571">
                  <c:v>547480.54788423702</c:v>
                </c:pt>
                <c:pt idx="12572">
                  <c:v>547457.32700670406</c:v>
                </c:pt>
                <c:pt idx="12573">
                  <c:v>547457.32700670406</c:v>
                </c:pt>
                <c:pt idx="12574">
                  <c:v>547457.32700670406</c:v>
                </c:pt>
                <c:pt idx="12575">
                  <c:v>547457.32700670406</c:v>
                </c:pt>
                <c:pt idx="12576">
                  <c:v>547457.32700670406</c:v>
                </c:pt>
                <c:pt idx="12577">
                  <c:v>547457.32700670406</c:v>
                </c:pt>
                <c:pt idx="12578">
                  <c:v>547457.32700670406</c:v>
                </c:pt>
                <c:pt idx="12579">
                  <c:v>547457.32700670406</c:v>
                </c:pt>
                <c:pt idx="12580">
                  <c:v>547457.32700670406</c:v>
                </c:pt>
                <c:pt idx="12581">
                  <c:v>547457.32700670406</c:v>
                </c:pt>
                <c:pt idx="12582">
                  <c:v>547457.32700670406</c:v>
                </c:pt>
                <c:pt idx="12583">
                  <c:v>547457.32700670406</c:v>
                </c:pt>
                <c:pt idx="12584">
                  <c:v>547457.32700670406</c:v>
                </c:pt>
                <c:pt idx="12585">
                  <c:v>547457.32700670406</c:v>
                </c:pt>
                <c:pt idx="12586">
                  <c:v>547457.32700670406</c:v>
                </c:pt>
                <c:pt idx="12587">
                  <c:v>547457.32700670406</c:v>
                </c:pt>
                <c:pt idx="12588">
                  <c:v>547457.32700670406</c:v>
                </c:pt>
                <c:pt idx="12589">
                  <c:v>547457.32700670406</c:v>
                </c:pt>
                <c:pt idx="12590">
                  <c:v>547457.32700670406</c:v>
                </c:pt>
                <c:pt idx="12591">
                  <c:v>547457.32700670406</c:v>
                </c:pt>
                <c:pt idx="12592">
                  <c:v>547457.32700670406</c:v>
                </c:pt>
                <c:pt idx="12593">
                  <c:v>547457.32700670406</c:v>
                </c:pt>
                <c:pt idx="12594">
                  <c:v>547457.32700670406</c:v>
                </c:pt>
                <c:pt idx="12595">
                  <c:v>547487.73364492599</c:v>
                </c:pt>
                <c:pt idx="12596">
                  <c:v>547487.73364492599</c:v>
                </c:pt>
                <c:pt idx="12597">
                  <c:v>547487.73364492599</c:v>
                </c:pt>
                <c:pt idx="12598">
                  <c:v>547487.73364492599</c:v>
                </c:pt>
                <c:pt idx="12599">
                  <c:v>547487.73364492599</c:v>
                </c:pt>
                <c:pt idx="12600">
                  <c:v>547487.73364492599</c:v>
                </c:pt>
                <c:pt idx="12601">
                  <c:v>547487.73364492599</c:v>
                </c:pt>
                <c:pt idx="12602">
                  <c:v>547487.73364492599</c:v>
                </c:pt>
                <c:pt idx="12603">
                  <c:v>547487.73364492599</c:v>
                </c:pt>
                <c:pt idx="12604">
                  <c:v>547487.73364492599</c:v>
                </c:pt>
                <c:pt idx="12605">
                  <c:v>547487.73364492599</c:v>
                </c:pt>
                <c:pt idx="12606">
                  <c:v>547487.73364492599</c:v>
                </c:pt>
                <c:pt idx="12607">
                  <c:v>547487.73364492599</c:v>
                </c:pt>
                <c:pt idx="12608">
                  <c:v>547487.73364492599</c:v>
                </c:pt>
                <c:pt idx="12609">
                  <c:v>547487.73364492599</c:v>
                </c:pt>
                <c:pt idx="12610">
                  <c:v>547487.73364492599</c:v>
                </c:pt>
                <c:pt idx="12611">
                  <c:v>547487.73364492599</c:v>
                </c:pt>
                <c:pt idx="12612">
                  <c:v>547487.73364492599</c:v>
                </c:pt>
                <c:pt idx="12613">
                  <c:v>547487.73364492599</c:v>
                </c:pt>
                <c:pt idx="12614">
                  <c:v>547487.73364492599</c:v>
                </c:pt>
                <c:pt idx="12615">
                  <c:v>547487.73364492599</c:v>
                </c:pt>
                <c:pt idx="12616">
                  <c:v>547487.73364492599</c:v>
                </c:pt>
                <c:pt idx="12617">
                  <c:v>547487.73364492599</c:v>
                </c:pt>
                <c:pt idx="12618">
                  <c:v>547487.73364492599</c:v>
                </c:pt>
                <c:pt idx="12619">
                  <c:v>547487.73364492599</c:v>
                </c:pt>
                <c:pt idx="12620">
                  <c:v>547487.73364492599</c:v>
                </c:pt>
                <c:pt idx="12621">
                  <c:v>547487.73364492599</c:v>
                </c:pt>
                <c:pt idx="12622">
                  <c:v>547487.73364492599</c:v>
                </c:pt>
                <c:pt idx="12623">
                  <c:v>548411.20844265295</c:v>
                </c:pt>
                <c:pt idx="12624">
                  <c:v>548411.20844265295</c:v>
                </c:pt>
                <c:pt idx="12625">
                  <c:v>548411.20844265295</c:v>
                </c:pt>
                <c:pt idx="12626">
                  <c:v>548411.20844265295</c:v>
                </c:pt>
                <c:pt idx="12627">
                  <c:v>548411.20844265295</c:v>
                </c:pt>
                <c:pt idx="12628">
                  <c:v>548411.20844265295</c:v>
                </c:pt>
                <c:pt idx="12629">
                  <c:v>548411.20844265295</c:v>
                </c:pt>
                <c:pt idx="12630">
                  <c:v>548411.20844265295</c:v>
                </c:pt>
                <c:pt idx="12631">
                  <c:v>548411.20844265295</c:v>
                </c:pt>
                <c:pt idx="12632">
                  <c:v>548411.20844265295</c:v>
                </c:pt>
                <c:pt idx="12633">
                  <c:v>548411.20844265295</c:v>
                </c:pt>
                <c:pt idx="12634">
                  <c:v>548411.20844265295</c:v>
                </c:pt>
                <c:pt idx="12635">
                  <c:v>548411.20844265295</c:v>
                </c:pt>
                <c:pt idx="12636">
                  <c:v>548411.20844265295</c:v>
                </c:pt>
                <c:pt idx="12637">
                  <c:v>549162.710226872</c:v>
                </c:pt>
                <c:pt idx="12638">
                  <c:v>549162.710226872</c:v>
                </c:pt>
                <c:pt idx="12639">
                  <c:v>549162.710226872</c:v>
                </c:pt>
                <c:pt idx="12640">
                  <c:v>549162.710226872</c:v>
                </c:pt>
                <c:pt idx="12641">
                  <c:v>549162.710226872</c:v>
                </c:pt>
                <c:pt idx="12642">
                  <c:v>549162.710226872</c:v>
                </c:pt>
                <c:pt idx="12643">
                  <c:v>549162.710226872</c:v>
                </c:pt>
                <c:pt idx="12644">
                  <c:v>549162.710226872</c:v>
                </c:pt>
                <c:pt idx="12645">
                  <c:v>549162.710226872</c:v>
                </c:pt>
                <c:pt idx="12646">
                  <c:v>549162.710226872</c:v>
                </c:pt>
                <c:pt idx="12647">
                  <c:v>549162.710226872</c:v>
                </c:pt>
                <c:pt idx="12648">
                  <c:v>549162.710226872</c:v>
                </c:pt>
                <c:pt idx="12649">
                  <c:v>549162.710226872</c:v>
                </c:pt>
                <c:pt idx="12650">
                  <c:v>549162.710226872</c:v>
                </c:pt>
                <c:pt idx="12651">
                  <c:v>549162.710226872</c:v>
                </c:pt>
                <c:pt idx="12652">
                  <c:v>549548.58863025706</c:v>
                </c:pt>
                <c:pt idx="12653">
                  <c:v>549548.58863025706</c:v>
                </c:pt>
                <c:pt idx="12654">
                  <c:v>549548.58863025706</c:v>
                </c:pt>
                <c:pt idx="12655">
                  <c:v>549548.58863025706</c:v>
                </c:pt>
                <c:pt idx="12656">
                  <c:v>549548.58863025706</c:v>
                </c:pt>
                <c:pt idx="12657">
                  <c:v>550706.32779877202</c:v>
                </c:pt>
                <c:pt idx="12658">
                  <c:v>550706.32779877202</c:v>
                </c:pt>
                <c:pt idx="12659">
                  <c:v>550706.32779877202</c:v>
                </c:pt>
                <c:pt idx="12660">
                  <c:v>550706.32779877202</c:v>
                </c:pt>
                <c:pt idx="12661">
                  <c:v>550706.32779877202</c:v>
                </c:pt>
                <c:pt idx="12662">
                  <c:v>550706.32779877202</c:v>
                </c:pt>
                <c:pt idx="12663">
                  <c:v>550706.32779877202</c:v>
                </c:pt>
                <c:pt idx="12664">
                  <c:v>550706.32779877202</c:v>
                </c:pt>
                <c:pt idx="12665">
                  <c:v>550706.32779877202</c:v>
                </c:pt>
                <c:pt idx="12666">
                  <c:v>550706.32779877202</c:v>
                </c:pt>
                <c:pt idx="12667">
                  <c:v>550706.32779877202</c:v>
                </c:pt>
                <c:pt idx="12668">
                  <c:v>550706.32779877202</c:v>
                </c:pt>
                <c:pt idx="12669">
                  <c:v>550706.32779877202</c:v>
                </c:pt>
                <c:pt idx="12670">
                  <c:v>550706.32779877202</c:v>
                </c:pt>
                <c:pt idx="12671">
                  <c:v>550706.32779877202</c:v>
                </c:pt>
                <c:pt idx="12672">
                  <c:v>550706.32779877202</c:v>
                </c:pt>
                <c:pt idx="12673">
                  <c:v>550706.32779877202</c:v>
                </c:pt>
                <c:pt idx="12674">
                  <c:v>550706.32779877202</c:v>
                </c:pt>
                <c:pt idx="12675">
                  <c:v>550706.32779877202</c:v>
                </c:pt>
                <c:pt idx="12676">
                  <c:v>550706.32779877202</c:v>
                </c:pt>
                <c:pt idx="12677">
                  <c:v>550706.32779877202</c:v>
                </c:pt>
                <c:pt idx="12678">
                  <c:v>550706.32779877202</c:v>
                </c:pt>
                <c:pt idx="12679">
                  <c:v>550706.32779877202</c:v>
                </c:pt>
                <c:pt idx="12680">
                  <c:v>550706.32779877202</c:v>
                </c:pt>
                <c:pt idx="12681">
                  <c:v>550706.32779877202</c:v>
                </c:pt>
                <c:pt idx="12682">
                  <c:v>550706.32779877202</c:v>
                </c:pt>
                <c:pt idx="12683">
                  <c:v>550706.32779877202</c:v>
                </c:pt>
                <c:pt idx="12684">
                  <c:v>550706.32779877202</c:v>
                </c:pt>
                <c:pt idx="12685">
                  <c:v>550706.32779877202</c:v>
                </c:pt>
                <c:pt idx="12686">
                  <c:v>550706.32779877202</c:v>
                </c:pt>
                <c:pt idx="12687">
                  <c:v>550706.32779877202</c:v>
                </c:pt>
                <c:pt idx="12688">
                  <c:v>551085.40383051406</c:v>
                </c:pt>
                <c:pt idx="12689">
                  <c:v>551085.40383051406</c:v>
                </c:pt>
                <c:pt idx="12690">
                  <c:v>551085.40383051406</c:v>
                </c:pt>
                <c:pt idx="12691">
                  <c:v>551085.40383051406</c:v>
                </c:pt>
                <c:pt idx="12692">
                  <c:v>551085.40383051406</c:v>
                </c:pt>
                <c:pt idx="12693">
                  <c:v>551085.40383051406</c:v>
                </c:pt>
                <c:pt idx="12694">
                  <c:v>551085.40383051406</c:v>
                </c:pt>
                <c:pt idx="12695">
                  <c:v>551085.40383051406</c:v>
                </c:pt>
                <c:pt idx="12696">
                  <c:v>551085.40383051406</c:v>
                </c:pt>
                <c:pt idx="12697">
                  <c:v>551085.40383051406</c:v>
                </c:pt>
                <c:pt idx="12698">
                  <c:v>551085.40383051406</c:v>
                </c:pt>
                <c:pt idx="12699">
                  <c:v>551085.40383051406</c:v>
                </c:pt>
                <c:pt idx="12700">
                  <c:v>551085.40383051406</c:v>
                </c:pt>
                <c:pt idx="12701">
                  <c:v>551085.40383051406</c:v>
                </c:pt>
                <c:pt idx="12702">
                  <c:v>551085.40383051406</c:v>
                </c:pt>
                <c:pt idx="12703">
                  <c:v>551085.40383051406</c:v>
                </c:pt>
                <c:pt idx="12704">
                  <c:v>551085.40383051406</c:v>
                </c:pt>
                <c:pt idx="12705">
                  <c:v>551085.40383051406</c:v>
                </c:pt>
                <c:pt idx="12706">
                  <c:v>551085.40383051406</c:v>
                </c:pt>
                <c:pt idx="12707">
                  <c:v>551085.40383051406</c:v>
                </c:pt>
                <c:pt idx="12708">
                  <c:v>551085.40383051406</c:v>
                </c:pt>
                <c:pt idx="12709">
                  <c:v>551085.40383051406</c:v>
                </c:pt>
                <c:pt idx="12710">
                  <c:v>551085.40383051406</c:v>
                </c:pt>
                <c:pt idx="12711">
                  <c:v>551085.40383051406</c:v>
                </c:pt>
                <c:pt idx="12712">
                  <c:v>551085.40383051406</c:v>
                </c:pt>
                <c:pt idx="12713">
                  <c:v>551085.40383051406</c:v>
                </c:pt>
                <c:pt idx="12714">
                  <c:v>551085.40383051406</c:v>
                </c:pt>
                <c:pt idx="12715">
                  <c:v>551085.40383051406</c:v>
                </c:pt>
                <c:pt idx="12716">
                  <c:v>551085.40383051406</c:v>
                </c:pt>
                <c:pt idx="12717">
                  <c:v>551085.40383051406</c:v>
                </c:pt>
                <c:pt idx="12718">
                  <c:v>551085.40383051406</c:v>
                </c:pt>
                <c:pt idx="12719">
                  <c:v>551085.40383051406</c:v>
                </c:pt>
                <c:pt idx="12720">
                  <c:v>551085.40383051406</c:v>
                </c:pt>
                <c:pt idx="12721">
                  <c:v>551085.40383051406</c:v>
                </c:pt>
                <c:pt idx="12722">
                  <c:v>551085.40383051406</c:v>
                </c:pt>
                <c:pt idx="12723">
                  <c:v>553567.18606515101</c:v>
                </c:pt>
                <c:pt idx="12724">
                  <c:v>553567.18606515101</c:v>
                </c:pt>
                <c:pt idx="12725">
                  <c:v>553567.18606515101</c:v>
                </c:pt>
                <c:pt idx="12726">
                  <c:v>553567.18606515101</c:v>
                </c:pt>
                <c:pt idx="12727">
                  <c:v>553567.18606515101</c:v>
                </c:pt>
                <c:pt idx="12728">
                  <c:v>553567.18606515101</c:v>
                </c:pt>
                <c:pt idx="12729">
                  <c:v>553567.18606515101</c:v>
                </c:pt>
                <c:pt idx="12730">
                  <c:v>553567.18606515101</c:v>
                </c:pt>
                <c:pt idx="12731">
                  <c:v>553567.18606515101</c:v>
                </c:pt>
                <c:pt idx="12732">
                  <c:v>553567.18606515101</c:v>
                </c:pt>
                <c:pt idx="12733">
                  <c:v>553567.18606515101</c:v>
                </c:pt>
                <c:pt idx="12734">
                  <c:v>553567.18606515101</c:v>
                </c:pt>
                <c:pt idx="12735">
                  <c:v>553901.50080723804</c:v>
                </c:pt>
                <c:pt idx="12736">
                  <c:v>553901.50080723804</c:v>
                </c:pt>
                <c:pt idx="12737">
                  <c:v>553901.50080723804</c:v>
                </c:pt>
                <c:pt idx="12738">
                  <c:v>553901.50080723804</c:v>
                </c:pt>
                <c:pt idx="12739">
                  <c:v>553901.50080723804</c:v>
                </c:pt>
                <c:pt idx="12740">
                  <c:v>553901.50080723804</c:v>
                </c:pt>
                <c:pt idx="12741">
                  <c:v>553901.50080723804</c:v>
                </c:pt>
                <c:pt idx="12742">
                  <c:v>553901.50080723804</c:v>
                </c:pt>
                <c:pt idx="12743">
                  <c:v>553901.50080723804</c:v>
                </c:pt>
                <c:pt idx="12744">
                  <c:v>553901.50080723804</c:v>
                </c:pt>
                <c:pt idx="12745">
                  <c:v>553901.50080723804</c:v>
                </c:pt>
                <c:pt idx="12746">
                  <c:v>553901.50080723804</c:v>
                </c:pt>
                <c:pt idx="12747">
                  <c:v>553901.50080723804</c:v>
                </c:pt>
                <c:pt idx="12748">
                  <c:v>553901.50080723804</c:v>
                </c:pt>
                <c:pt idx="12749">
                  <c:v>553901.50080723804</c:v>
                </c:pt>
                <c:pt idx="12750">
                  <c:v>553901.50080723804</c:v>
                </c:pt>
                <c:pt idx="12751">
                  <c:v>553901.50080723804</c:v>
                </c:pt>
                <c:pt idx="12752">
                  <c:v>553901.50080723804</c:v>
                </c:pt>
                <c:pt idx="12753">
                  <c:v>553901.50080723804</c:v>
                </c:pt>
                <c:pt idx="12754">
                  <c:v>553901.50080723804</c:v>
                </c:pt>
                <c:pt idx="12755">
                  <c:v>553901.50080723804</c:v>
                </c:pt>
                <c:pt idx="12756">
                  <c:v>553901.50080723804</c:v>
                </c:pt>
                <c:pt idx="12757">
                  <c:v>553901.50080723804</c:v>
                </c:pt>
                <c:pt idx="12758">
                  <c:v>553901.50080723804</c:v>
                </c:pt>
                <c:pt idx="12759">
                  <c:v>553901.50080723804</c:v>
                </c:pt>
                <c:pt idx="12760">
                  <c:v>553901.50080723804</c:v>
                </c:pt>
                <c:pt idx="12761">
                  <c:v>553901.50080723804</c:v>
                </c:pt>
                <c:pt idx="12762">
                  <c:v>553901.50080723804</c:v>
                </c:pt>
                <c:pt idx="12763">
                  <c:v>553901.50080723804</c:v>
                </c:pt>
                <c:pt idx="12764">
                  <c:v>553901.50080723804</c:v>
                </c:pt>
                <c:pt idx="12765">
                  <c:v>553901.50080723804</c:v>
                </c:pt>
                <c:pt idx="12766">
                  <c:v>553901.50080723804</c:v>
                </c:pt>
                <c:pt idx="12767">
                  <c:v>553901.50080723804</c:v>
                </c:pt>
                <c:pt idx="12768">
                  <c:v>553901.50080723804</c:v>
                </c:pt>
                <c:pt idx="12769">
                  <c:v>553901.50080723804</c:v>
                </c:pt>
                <c:pt idx="12770">
                  <c:v>553901.50080723804</c:v>
                </c:pt>
                <c:pt idx="12771">
                  <c:v>553901.50080723804</c:v>
                </c:pt>
                <c:pt idx="12772">
                  <c:v>553901.50080723804</c:v>
                </c:pt>
                <c:pt idx="12773">
                  <c:v>553901.50080723804</c:v>
                </c:pt>
                <c:pt idx="12774">
                  <c:v>553901.50080723804</c:v>
                </c:pt>
                <c:pt idx="12775">
                  <c:v>553901.50080723804</c:v>
                </c:pt>
                <c:pt idx="12776">
                  <c:v>553901.50080723804</c:v>
                </c:pt>
                <c:pt idx="12777">
                  <c:v>553901.50080723804</c:v>
                </c:pt>
                <c:pt idx="12778">
                  <c:v>553901.50080723804</c:v>
                </c:pt>
                <c:pt idx="12779">
                  <c:v>553901.50080723804</c:v>
                </c:pt>
                <c:pt idx="12780">
                  <c:v>553901.50080723804</c:v>
                </c:pt>
                <c:pt idx="12781">
                  <c:v>553901.50080723804</c:v>
                </c:pt>
                <c:pt idx="12782">
                  <c:v>553901.50080723804</c:v>
                </c:pt>
                <c:pt idx="12783">
                  <c:v>553901.50080723804</c:v>
                </c:pt>
                <c:pt idx="12784">
                  <c:v>553901.50080723804</c:v>
                </c:pt>
                <c:pt idx="12785">
                  <c:v>553901.50080723804</c:v>
                </c:pt>
                <c:pt idx="12786">
                  <c:v>553901.50080723804</c:v>
                </c:pt>
                <c:pt idx="12787">
                  <c:v>553901.50080723804</c:v>
                </c:pt>
                <c:pt idx="12788">
                  <c:v>553901.50080723804</c:v>
                </c:pt>
                <c:pt idx="12789">
                  <c:v>553901.50080723804</c:v>
                </c:pt>
                <c:pt idx="12790">
                  <c:v>553901.50080723804</c:v>
                </c:pt>
                <c:pt idx="12791">
                  <c:v>553901.50080723804</c:v>
                </c:pt>
                <c:pt idx="12792">
                  <c:v>553901.50080723804</c:v>
                </c:pt>
                <c:pt idx="12793">
                  <c:v>553901.50080723804</c:v>
                </c:pt>
                <c:pt idx="12794">
                  <c:v>553901.50080723804</c:v>
                </c:pt>
                <c:pt idx="12795">
                  <c:v>553901.50080723804</c:v>
                </c:pt>
                <c:pt idx="12796">
                  <c:v>553901.50080723804</c:v>
                </c:pt>
                <c:pt idx="12797">
                  <c:v>554544.48150854802</c:v>
                </c:pt>
                <c:pt idx="12798">
                  <c:v>554544.48150854802</c:v>
                </c:pt>
                <c:pt idx="12799">
                  <c:v>554544.48150854802</c:v>
                </c:pt>
                <c:pt idx="12800">
                  <c:v>554544.48150854802</c:v>
                </c:pt>
                <c:pt idx="12801">
                  <c:v>554544.48150854802</c:v>
                </c:pt>
                <c:pt idx="12802">
                  <c:v>554544.48150854802</c:v>
                </c:pt>
                <c:pt idx="12803">
                  <c:v>554544.48150854802</c:v>
                </c:pt>
                <c:pt idx="12804">
                  <c:v>554544.48150854802</c:v>
                </c:pt>
                <c:pt idx="12805">
                  <c:v>554544.48150854802</c:v>
                </c:pt>
                <c:pt idx="12806">
                  <c:v>554544.48150854802</c:v>
                </c:pt>
                <c:pt idx="12807">
                  <c:v>554544.48150854802</c:v>
                </c:pt>
                <c:pt idx="12808">
                  <c:v>554544.48150854802</c:v>
                </c:pt>
                <c:pt idx="12809">
                  <c:v>554544.48150854802</c:v>
                </c:pt>
                <c:pt idx="12810">
                  <c:v>554544.48150854802</c:v>
                </c:pt>
                <c:pt idx="12811">
                  <c:v>554544.48150854802</c:v>
                </c:pt>
                <c:pt idx="12812">
                  <c:v>554544.48150854802</c:v>
                </c:pt>
                <c:pt idx="12813">
                  <c:v>554544.48150854802</c:v>
                </c:pt>
                <c:pt idx="12814">
                  <c:v>554544.48150854802</c:v>
                </c:pt>
                <c:pt idx="12815">
                  <c:v>554544.48150854802</c:v>
                </c:pt>
                <c:pt idx="12816">
                  <c:v>554544.48150854802</c:v>
                </c:pt>
                <c:pt idx="12817">
                  <c:v>554544.48150854802</c:v>
                </c:pt>
                <c:pt idx="12818">
                  <c:v>554571.92335451103</c:v>
                </c:pt>
                <c:pt idx="12819">
                  <c:v>554571.92335451103</c:v>
                </c:pt>
                <c:pt idx="12820">
                  <c:v>556323.68150892796</c:v>
                </c:pt>
                <c:pt idx="12821">
                  <c:v>556323.68150892796</c:v>
                </c:pt>
                <c:pt idx="12822">
                  <c:v>556323.68150892796</c:v>
                </c:pt>
                <c:pt idx="12823">
                  <c:v>556323.68150892796</c:v>
                </c:pt>
                <c:pt idx="12824">
                  <c:v>556323.68150892796</c:v>
                </c:pt>
                <c:pt idx="12825">
                  <c:v>556323.68150892796</c:v>
                </c:pt>
                <c:pt idx="12826">
                  <c:v>556323.68150892796</c:v>
                </c:pt>
                <c:pt idx="12827">
                  <c:v>556323.68150892796</c:v>
                </c:pt>
                <c:pt idx="12828">
                  <c:v>556323.68150892796</c:v>
                </c:pt>
                <c:pt idx="12829">
                  <c:v>556323.68150892796</c:v>
                </c:pt>
                <c:pt idx="12830">
                  <c:v>556323.68150892796</c:v>
                </c:pt>
                <c:pt idx="12831">
                  <c:v>556323.68150892796</c:v>
                </c:pt>
                <c:pt idx="12832">
                  <c:v>556323.68150892796</c:v>
                </c:pt>
                <c:pt idx="12833">
                  <c:v>556323.68150892796</c:v>
                </c:pt>
                <c:pt idx="12834">
                  <c:v>556323.68150892796</c:v>
                </c:pt>
                <c:pt idx="12835">
                  <c:v>556323.68150892796</c:v>
                </c:pt>
                <c:pt idx="12836">
                  <c:v>556323.68150892796</c:v>
                </c:pt>
                <c:pt idx="12837">
                  <c:v>556323.68150892796</c:v>
                </c:pt>
                <c:pt idx="12838">
                  <c:v>556323.68150892796</c:v>
                </c:pt>
                <c:pt idx="12839">
                  <c:v>556321.35714463005</c:v>
                </c:pt>
                <c:pt idx="12840">
                  <c:v>556321.35714463005</c:v>
                </c:pt>
                <c:pt idx="12841">
                  <c:v>556321.35714463005</c:v>
                </c:pt>
                <c:pt idx="12842">
                  <c:v>556321.35714463005</c:v>
                </c:pt>
                <c:pt idx="12843">
                  <c:v>556321.35714463005</c:v>
                </c:pt>
                <c:pt idx="12844">
                  <c:v>556321.35714463005</c:v>
                </c:pt>
                <c:pt idx="12845">
                  <c:v>556321.35714463005</c:v>
                </c:pt>
                <c:pt idx="12846">
                  <c:v>556321.35714463005</c:v>
                </c:pt>
                <c:pt idx="12847">
                  <c:v>556321.35714463005</c:v>
                </c:pt>
                <c:pt idx="12848">
                  <c:v>556321.35714463005</c:v>
                </c:pt>
                <c:pt idx="12849">
                  <c:v>556321.35714463005</c:v>
                </c:pt>
                <c:pt idx="12850">
                  <c:v>556321.35714463005</c:v>
                </c:pt>
                <c:pt idx="12851">
                  <c:v>556321.35714463005</c:v>
                </c:pt>
                <c:pt idx="12852">
                  <c:v>556321.35714463005</c:v>
                </c:pt>
                <c:pt idx="12853">
                  <c:v>556321.35714463005</c:v>
                </c:pt>
                <c:pt idx="12854">
                  <c:v>556321.35714463005</c:v>
                </c:pt>
                <c:pt idx="12855">
                  <c:v>556321.35714463005</c:v>
                </c:pt>
                <c:pt idx="12856">
                  <c:v>556321.35714463005</c:v>
                </c:pt>
                <c:pt idx="12857">
                  <c:v>556321.35714463005</c:v>
                </c:pt>
                <c:pt idx="12858">
                  <c:v>556321.35714463005</c:v>
                </c:pt>
                <c:pt idx="12859">
                  <c:v>556321.35714463005</c:v>
                </c:pt>
                <c:pt idx="12860">
                  <c:v>556321.35714463005</c:v>
                </c:pt>
                <c:pt idx="12861">
                  <c:v>556321.35714463005</c:v>
                </c:pt>
                <c:pt idx="12862">
                  <c:v>556321.35714463005</c:v>
                </c:pt>
                <c:pt idx="12863">
                  <c:v>556321.35714463005</c:v>
                </c:pt>
                <c:pt idx="12864">
                  <c:v>556321.35714463005</c:v>
                </c:pt>
                <c:pt idx="12865">
                  <c:v>556321.35714463005</c:v>
                </c:pt>
                <c:pt idx="12866">
                  <c:v>556321.35714463005</c:v>
                </c:pt>
                <c:pt idx="12867">
                  <c:v>556321.35714463005</c:v>
                </c:pt>
                <c:pt idx="12868">
                  <c:v>556321.35714463005</c:v>
                </c:pt>
                <c:pt idx="12869">
                  <c:v>556321.35714463005</c:v>
                </c:pt>
                <c:pt idx="12870">
                  <c:v>556321.35714463005</c:v>
                </c:pt>
                <c:pt idx="12871">
                  <c:v>556321.35714463005</c:v>
                </c:pt>
                <c:pt idx="12872">
                  <c:v>556321.35714463005</c:v>
                </c:pt>
                <c:pt idx="12873">
                  <c:v>556321.35714463005</c:v>
                </c:pt>
                <c:pt idx="12874">
                  <c:v>556321.35714463005</c:v>
                </c:pt>
                <c:pt idx="12875">
                  <c:v>556321.35714463005</c:v>
                </c:pt>
                <c:pt idx="12876">
                  <c:v>556321.35714463005</c:v>
                </c:pt>
                <c:pt idx="12877">
                  <c:v>556321.35714463005</c:v>
                </c:pt>
                <c:pt idx="12878">
                  <c:v>556321.35714463005</c:v>
                </c:pt>
                <c:pt idx="12879">
                  <c:v>556321.35714463005</c:v>
                </c:pt>
                <c:pt idx="12880">
                  <c:v>556321.35714463005</c:v>
                </c:pt>
                <c:pt idx="12881">
                  <c:v>556321.35714463005</c:v>
                </c:pt>
                <c:pt idx="12882">
                  <c:v>556321.35714463005</c:v>
                </c:pt>
                <c:pt idx="12883">
                  <c:v>556321.35714463005</c:v>
                </c:pt>
                <c:pt idx="12884">
                  <c:v>556321.35714463005</c:v>
                </c:pt>
                <c:pt idx="12885">
                  <c:v>556321.35714463005</c:v>
                </c:pt>
                <c:pt idx="12886">
                  <c:v>556321.35714463005</c:v>
                </c:pt>
                <c:pt idx="12887">
                  <c:v>556324.40182021796</c:v>
                </c:pt>
                <c:pt idx="12888">
                  <c:v>556324.40182021796</c:v>
                </c:pt>
                <c:pt idx="12889">
                  <c:v>556324.40182021796</c:v>
                </c:pt>
                <c:pt idx="12890">
                  <c:v>556324.40182021796</c:v>
                </c:pt>
                <c:pt idx="12891">
                  <c:v>556324.40182021796</c:v>
                </c:pt>
                <c:pt idx="12892">
                  <c:v>556324.40182021796</c:v>
                </c:pt>
                <c:pt idx="12893">
                  <c:v>556324.40182021796</c:v>
                </c:pt>
                <c:pt idx="12894">
                  <c:v>556324.40182021796</c:v>
                </c:pt>
                <c:pt idx="12895">
                  <c:v>556324.40182021796</c:v>
                </c:pt>
                <c:pt idx="12896">
                  <c:v>556324.40182021796</c:v>
                </c:pt>
                <c:pt idx="12897">
                  <c:v>556324.40182021796</c:v>
                </c:pt>
                <c:pt idx="12898">
                  <c:v>556324.40182021796</c:v>
                </c:pt>
                <c:pt idx="12899">
                  <c:v>556324.40182021796</c:v>
                </c:pt>
                <c:pt idx="12900">
                  <c:v>556324.40182021796</c:v>
                </c:pt>
                <c:pt idx="12901">
                  <c:v>556324.40182021796</c:v>
                </c:pt>
                <c:pt idx="12902">
                  <c:v>556324.40182021796</c:v>
                </c:pt>
                <c:pt idx="12903">
                  <c:v>556324.40182021796</c:v>
                </c:pt>
                <c:pt idx="12904">
                  <c:v>556324.40182021796</c:v>
                </c:pt>
                <c:pt idx="12905">
                  <c:v>556324.40182021796</c:v>
                </c:pt>
                <c:pt idx="12906">
                  <c:v>556324.40182021796</c:v>
                </c:pt>
                <c:pt idx="12907">
                  <c:v>556324.40182021796</c:v>
                </c:pt>
                <c:pt idx="12908">
                  <c:v>556324.40182021796</c:v>
                </c:pt>
                <c:pt idx="12909">
                  <c:v>556324.40182021796</c:v>
                </c:pt>
                <c:pt idx="12910">
                  <c:v>556324.40182021796</c:v>
                </c:pt>
                <c:pt idx="12911">
                  <c:v>556324.40182021796</c:v>
                </c:pt>
                <c:pt idx="12912">
                  <c:v>556324.40182021796</c:v>
                </c:pt>
                <c:pt idx="12913">
                  <c:v>556324.40182021796</c:v>
                </c:pt>
                <c:pt idx="12914">
                  <c:v>556324.40182021796</c:v>
                </c:pt>
                <c:pt idx="12915">
                  <c:v>556324.40182021796</c:v>
                </c:pt>
                <c:pt idx="12916">
                  <c:v>556324.40182021796</c:v>
                </c:pt>
                <c:pt idx="12917">
                  <c:v>556324.40182021796</c:v>
                </c:pt>
                <c:pt idx="12918">
                  <c:v>556324.40182021796</c:v>
                </c:pt>
                <c:pt idx="12919">
                  <c:v>556324.40182021796</c:v>
                </c:pt>
                <c:pt idx="12920">
                  <c:v>556324.40182021796</c:v>
                </c:pt>
                <c:pt idx="12921">
                  <c:v>556324.40182021796</c:v>
                </c:pt>
                <c:pt idx="12922">
                  <c:v>556324.40182021796</c:v>
                </c:pt>
                <c:pt idx="12923">
                  <c:v>556324.40182021796</c:v>
                </c:pt>
                <c:pt idx="12924">
                  <c:v>556324.40182021796</c:v>
                </c:pt>
                <c:pt idx="12925">
                  <c:v>556324.40182021796</c:v>
                </c:pt>
                <c:pt idx="12926">
                  <c:v>556862.63079120498</c:v>
                </c:pt>
                <c:pt idx="12927">
                  <c:v>556862.63079120498</c:v>
                </c:pt>
                <c:pt idx="12928">
                  <c:v>556862.63079120498</c:v>
                </c:pt>
                <c:pt idx="12929">
                  <c:v>556862.63079120498</c:v>
                </c:pt>
                <c:pt idx="12930">
                  <c:v>556862.63079120498</c:v>
                </c:pt>
                <c:pt idx="12931">
                  <c:v>556862.63079120498</c:v>
                </c:pt>
                <c:pt idx="12932">
                  <c:v>556862.63079120498</c:v>
                </c:pt>
                <c:pt idx="12933">
                  <c:v>556862.63079120498</c:v>
                </c:pt>
                <c:pt idx="12934">
                  <c:v>556862.63079120498</c:v>
                </c:pt>
                <c:pt idx="12935">
                  <c:v>556862.63079120498</c:v>
                </c:pt>
                <c:pt idx="12936">
                  <c:v>556862.63079120498</c:v>
                </c:pt>
                <c:pt idx="12937">
                  <c:v>556862.63079120498</c:v>
                </c:pt>
                <c:pt idx="12938">
                  <c:v>556862.63079120498</c:v>
                </c:pt>
                <c:pt idx="12939">
                  <c:v>556862.63079120498</c:v>
                </c:pt>
                <c:pt idx="12940">
                  <c:v>556862.63079120498</c:v>
                </c:pt>
                <c:pt idx="12941">
                  <c:v>556862.63079120498</c:v>
                </c:pt>
                <c:pt idx="12942">
                  <c:v>556862.63079120498</c:v>
                </c:pt>
                <c:pt idx="12943">
                  <c:v>556862.63079120498</c:v>
                </c:pt>
                <c:pt idx="12944">
                  <c:v>556862.63079120498</c:v>
                </c:pt>
                <c:pt idx="12945">
                  <c:v>556862.63079120498</c:v>
                </c:pt>
                <c:pt idx="12946">
                  <c:v>556862.63079120498</c:v>
                </c:pt>
                <c:pt idx="12947">
                  <c:v>556862.63079120498</c:v>
                </c:pt>
                <c:pt idx="12948">
                  <c:v>556862.63079120498</c:v>
                </c:pt>
                <c:pt idx="12949">
                  <c:v>556862.63079120498</c:v>
                </c:pt>
                <c:pt idx="12950">
                  <c:v>556862.63079120498</c:v>
                </c:pt>
                <c:pt idx="12951">
                  <c:v>556862.63079120498</c:v>
                </c:pt>
                <c:pt idx="12952">
                  <c:v>556862.63079120498</c:v>
                </c:pt>
                <c:pt idx="12953">
                  <c:v>556862.63079120498</c:v>
                </c:pt>
                <c:pt idx="12954">
                  <c:v>556862.63079120498</c:v>
                </c:pt>
                <c:pt idx="12955">
                  <c:v>556862.63079120498</c:v>
                </c:pt>
                <c:pt idx="12956">
                  <c:v>556862.63079120498</c:v>
                </c:pt>
                <c:pt idx="12957">
                  <c:v>557274.69373456796</c:v>
                </c:pt>
                <c:pt idx="12958">
                  <c:v>557274.69373456796</c:v>
                </c:pt>
                <c:pt idx="12959">
                  <c:v>557274.69373456796</c:v>
                </c:pt>
                <c:pt idx="12960">
                  <c:v>557274.69373456796</c:v>
                </c:pt>
                <c:pt idx="12961">
                  <c:v>557274.69373456796</c:v>
                </c:pt>
                <c:pt idx="12962">
                  <c:v>557274.69373456796</c:v>
                </c:pt>
                <c:pt idx="12963">
                  <c:v>557274.69373456796</c:v>
                </c:pt>
                <c:pt idx="12964">
                  <c:v>557274.69373456796</c:v>
                </c:pt>
                <c:pt idx="12965">
                  <c:v>557274.69373456796</c:v>
                </c:pt>
                <c:pt idx="12966">
                  <c:v>557274.69373456796</c:v>
                </c:pt>
                <c:pt idx="12967">
                  <c:v>557274.69373456796</c:v>
                </c:pt>
                <c:pt idx="12968">
                  <c:v>557274.69373456796</c:v>
                </c:pt>
                <c:pt idx="12969">
                  <c:v>557274.69373456796</c:v>
                </c:pt>
                <c:pt idx="12970">
                  <c:v>557274.69373456796</c:v>
                </c:pt>
                <c:pt idx="12971">
                  <c:v>557274.69373456796</c:v>
                </c:pt>
                <c:pt idx="12972">
                  <c:v>557274.69373456796</c:v>
                </c:pt>
                <c:pt idx="12973">
                  <c:v>557274.69373456796</c:v>
                </c:pt>
                <c:pt idx="12974">
                  <c:v>557274.69373456796</c:v>
                </c:pt>
                <c:pt idx="12975">
                  <c:v>557274.69373456796</c:v>
                </c:pt>
                <c:pt idx="12976">
                  <c:v>557274.69373456796</c:v>
                </c:pt>
                <c:pt idx="12977">
                  <c:v>557274.69373456796</c:v>
                </c:pt>
                <c:pt idx="12978">
                  <c:v>557274.69373456796</c:v>
                </c:pt>
                <c:pt idx="12979">
                  <c:v>557274.69373456796</c:v>
                </c:pt>
                <c:pt idx="12980">
                  <c:v>557274.69373456796</c:v>
                </c:pt>
                <c:pt idx="12981">
                  <c:v>557274.69373456796</c:v>
                </c:pt>
                <c:pt idx="12982">
                  <c:v>557816.76108606101</c:v>
                </c:pt>
                <c:pt idx="12983">
                  <c:v>557816.76108606101</c:v>
                </c:pt>
                <c:pt idx="12984">
                  <c:v>557816.76108606101</c:v>
                </c:pt>
                <c:pt idx="12985">
                  <c:v>557992.98367759504</c:v>
                </c:pt>
                <c:pt idx="12986">
                  <c:v>557992.98367759504</c:v>
                </c:pt>
                <c:pt idx="12987">
                  <c:v>557992.98367759504</c:v>
                </c:pt>
                <c:pt idx="12988">
                  <c:v>557992.98367759504</c:v>
                </c:pt>
                <c:pt idx="12989">
                  <c:v>557992.98367759504</c:v>
                </c:pt>
                <c:pt idx="12990">
                  <c:v>557992.98367759504</c:v>
                </c:pt>
                <c:pt idx="12991">
                  <c:v>557992.98367759504</c:v>
                </c:pt>
                <c:pt idx="12992">
                  <c:v>557992.98367759504</c:v>
                </c:pt>
                <c:pt idx="12993">
                  <c:v>557992.98367759504</c:v>
                </c:pt>
                <c:pt idx="12994">
                  <c:v>557992.98367759504</c:v>
                </c:pt>
                <c:pt idx="12995">
                  <c:v>557992.98367759504</c:v>
                </c:pt>
                <c:pt idx="12996">
                  <c:v>557992.98367759504</c:v>
                </c:pt>
                <c:pt idx="12997">
                  <c:v>557992.98367759504</c:v>
                </c:pt>
                <c:pt idx="12998">
                  <c:v>557992.98367759504</c:v>
                </c:pt>
                <c:pt idx="12999">
                  <c:v>560048.91093347396</c:v>
                </c:pt>
                <c:pt idx="13000">
                  <c:v>560048.91093347396</c:v>
                </c:pt>
                <c:pt idx="13001">
                  <c:v>560048.91093347396</c:v>
                </c:pt>
                <c:pt idx="13002">
                  <c:v>560048.91093347396</c:v>
                </c:pt>
                <c:pt idx="13003">
                  <c:v>560048.91093347396</c:v>
                </c:pt>
                <c:pt idx="13004">
                  <c:v>560146.33078965405</c:v>
                </c:pt>
                <c:pt idx="13005">
                  <c:v>560146.33078965405</c:v>
                </c:pt>
                <c:pt idx="13006">
                  <c:v>560146.33078965405</c:v>
                </c:pt>
                <c:pt idx="13007">
                  <c:v>560146.33078965405</c:v>
                </c:pt>
                <c:pt idx="13008">
                  <c:v>560146.33078965405</c:v>
                </c:pt>
                <c:pt idx="13009">
                  <c:v>560146.33078965405</c:v>
                </c:pt>
                <c:pt idx="13010">
                  <c:v>560146.33078965405</c:v>
                </c:pt>
                <c:pt idx="13011">
                  <c:v>560146.33078965405</c:v>
                </c:pt>
                <c:pt idx="13012">
                  <c:v>560146.33078965405</c:v>
                </c:pt>
                <c:pt idx="13013">
                  <c:v>560146.33078965405</c:v>
                </c:pt>
                <c:pt idx="13014">
                  <c:v>560146.33078965405</c:v>
                </c:pt>
                <c:pt idx="13015">
                  <c:v>560146.33078965405</c:v>
                </c:pt>
                <c:pt idx="13016">
                  <c:v>560146.33078965405</c:v>
                </c:pt>
                <c:pt idx="13017">
                  <c:v>560146.33078965405</c:v>
                </c:pt>
                <c:pt idx="13018">
                  <c:v>560146.33078965405</c:v>
                </c:pt>
                <c:pt idx="13019">
                  <c:v>560146.33078965405</c:v>
                </c:pt>
                <c:pt idx="13020">
                  <c:v>560146.33078965405</c:v>
                </c:pt>
                <c:pt idx="13021">
                  <c:v>560146.33078965405</c:v>
                </c:pt>
                <c:pt idx="13022">
                  <c:v>560146.33078965405</c:v>
                </c:pt>
                <c:pt idx="13023">
                  <c:v>560146.33078965405</c:v>
                </c:pt>
                <c:pt idx="13024">
                  <c:v>560146.33078965405</c:v>
                </c:pt>
                <c:pt idx="13025">
                  <c:v>561113.72692820197</c:v>
                </c:pt>
                <c:pt idx="13026">
                  <c:v>561113.72692820197</c:v>
                </c:pt>
                <c:pt idx="13027">
                  <c:v>561113.72692820197</c:v>
                </c:pt>
                <c:pt idx="13028">
                  <c:v>561113.72692820197</c:v>
                </c:pt>
                <c:pt idx="13029">
                  <c:v>561113.72692820197</c:v>
                </c:pt>
                <c:pt idx="13030">
                  <c:v>561113.72692820197</c:v>
                </c:pt>
                <c:pt idx="13031">
                  <c:v>561113.72692820197</c:v>
                </c:pt>
                <c:pt idx="13032">
                  <c:v>561113.72692820197</c:v>
                </c:pt>
                <c:pt idx="13033">
                  <c:v>561113.72692820197</c:v>
                </c:pt>
                <c:pt idx="13034">
                  <c:v>561113.72692820197</c:v>
                </c:pt>
                <c:pt idx="13035">
                  <c:v>561113.72692820197</c:v>
                </c:pt>
                <c:pt idx="13036">
                  <c:v>561113.72692820197</c:v>
                </c:pt>
                <c:pt idx="13037">
                  <c:v>561113.72692820197</c:v>
                </c:pt>
                <c:pt idx="13038">
                  <c:v>561113.72692820197</c:v>
                </c:pt>
                <c:pt idx="13039">
                  <c:v>561113.72692820197</c:v>
                </c:pt>
                <c:pt idx="13040">
                  <c:v>561113.72692820197</c:v>
                </c:pt>
                <c:pt idx="13041">
                  <c:v>561113.72692820197</c:v>
                </c:pt>
                <c:pt idx="13042">
                  <c:v>561113.72692820197</c:v>
                </c:pt>
                <c:pt idx="13043">
                  <c:v>561113.72692820197</c:v>
                </c:pt>
                <c:pt idx="13044">
                  <c:v>561113.72692820197</c:v>
                </c:pt>
                <c:pt idx="13045">
                  <c:v>561113.72692820197</c:v>
                </c:pt>
                <c:pt idx="13046">
                  <c:v>561113.72692820197</c:v>
                </c:pt>
                <c:pt idx="13047">
                  <c:v>561113.72692820197</c:v>
                </c:pt>
                <c:pt idx="13048">
                  <c:v>561113.72692820197</c:v>
                </c:pt>
                <c:pt idx="13049">
                  <c:v>561113.72692820197</c:v>
                </c:pt>
                <c:pt idx="13050">
                  <c:v>561438.94937940303</c:v>
                </c:pt>
                <c:pt idx="13051">
                  <c:v>561438.94937940303</c:v>
                </c:pt>
                <c:pt idx="13052">
                  <c:v>561438.94937940303</c:v>
                </c:pt>
                <c:pt idx="13053">
                  <c:v>561438.94937940303</c:v>
                </c:pt>
                <c:pt idx="13054">
                  <c:v>561438.94937940303</c:v>
                </c:pt>
                <c:pt idx="13055">
                  <c:v>561438.94937940303</c:v>
                </c:pt>
                <c:pt idx="13056">
                  <c:v>561438.94937940303</c:v>
                </c:pt>
                <c:pt idx="13057">
                  <c:v>561438.94937940303</c:v>
                </c:pt>
                <c:pt idx="13058">
                  <c:v>561438.94937940303</c:v>
                </c:pt>
                <c:pt idx="13059">
                  <c:v>561438.94937940303</c:v>
                </c:pt>
                <c:pt idx="13060">
                  <c:v>561438.94937940303</c:v>
                </c:pt>
                <c:pt idx="13061">
                  <c:v>561438.94937940303</c:v>
                </c:pt>
                <c:pt idx="13062">
                  <c:v>561438.94937940303</c:v>
                </c:pt>
                <c:pt idx="13063">
                  <c:v>561438.94937940303</c:v>
                </c:pt>
                <c:pt idx="13064">
                  <c:v>561438.94937940303</c:v>
                </c:pt>
                <c:pt idx="13065">
                  <c:v>561438.94937940303</c:v>
                </c:pt>
                <c:pt idx="13066">
                  <c:v>561438.94937940303</c:v>
                </c:pt>
                <c:pt idx="13067">
                  <c:v>561438.94937940303</c:v>
                </c:pt>
                <c:pt idx="13068">
                  <c:v>561438.94937940303</c:v>
                </c:pt>
                <c:pt idx="13069">
                  <c:v>561438.94937940303</c:v>
                </c:pt>
                <c:pt idx="13070">
                  <c:v>561438.94937940303</c:v>
                </c:pt>
                <c:pt idx="13071">
                  <c:v>561438.94937940303</c:v>
                </c:pt>
                <c:pt idx="13072">
                  <c:v>561438.94937940303</c:v>
                </c:pt>
                <c:pt idx="13073">
                  <c:v>561438.94937940303</c:v>
                </c:pt>
                <c:pt idx="13074">
                  <c:v>561438.94937940303</c:v>
                </c:pt>
                <c:pt idx="13075">
                  <c:v>561438.94937940303</c:v>
                </c:pt>
                <c:pt idx="13076">
                  <c:v>561438.94937940303</c:v>
                </c:pt>
                <c:pt idx="13077">
                  <c:v>561438.94937940303</c:v>
                </c:pt>
                <c:pt idx="13078">
                  <c:v>561438.94937940303</c:v>
                </c:pt>
                <c:pt idx="13079">
                  <c:v>561438.94937940303</c:v>
                </c:pt>
                <c:pt idx="13080">
                  <c:v>561438.94937940303</c:v>
                </c:pt>
                <c:pt idx="13081">
                  <c:v>561438.94937940303</c:v>
                </c:pt>
                <c:pt idx="13082">
                  <c:v>561438.94937940303</c:v>
                </c:pt>
                <c:pt idx="13083">
                  <c:v>561600.15530336299</c:v>
                </c:pt>
                <c:pt idx="13084">
                  <c:v>561600.15530336299</c:v>
                </c:pt>
                <c:pt idx="13085">
                  <c:v>561600.15530336299</c:v>
                </c:pt>
                <c:pt idx="13086">
                  <c:v>561600.15530336299</c:v>
                </c:pt>
                <c:pt idx="13087">
                  <c:v>561600.15530336299</c:v>
                </c:pt>
                <c:pt idx="13088">
                  <c:v>561600.15530336299</c:v>
                </c:pt>
                <c:pt idx="13089">
                  <c:v>561600.15530336299</c:v>
                </c:pt>
                <c:pt idx="13090">
                  <c:v>561600.15530336299</c:v>
                </c:pt>
                <c:pt idx="13091">
                  <c:v>561600.15530336299</c:v>
                </c:pt>
                <c:pt idx="13092">
                  <c:v>561600.15530336299</c:v>
                </c:pt>
                <c:pt idx="13093">
                  <c:v>561600.15530336299</c:v>
                </c:pt>
                <c:pt idx="13094">
                  <c:v>561786.06298460497</c:v>
                </c:pt>
                <c:pt idx="13095">
                  <c:v>561786.06298460497</c:v>
                </c:pt>
                <c:pt idx="13096">
                  <c:v>561786.06298460497</c:v>
                </c:pt>
                <c:pt idx="13097">
                  <c:v>561786.06298460497</c:v>
                </c:pt>
                <c:pt idx="13098">
                  <c:v>561786.06298460497</c:v>
                </c:pt>
                <c:pt idx="13099">
                  <c:v>561786.06298460497</c:v>
                </c:pt>
                <c:pt idx="13100">
                  <c:v>561786.06298460497</c:v>
                </c:pt>
                <c:pt idx="13101">
                  <c:v>561786.06298460497</c:v>
                </c:pt>
                <c:pt idx="13102">
                  <c:v>561786.06298460497</c:v>
                </c:pt>
                <c:pt idx="13103">
                  <c:v>561786.06298460497</c:v>
                </c:pt>
                <c:pt idx="13104">
                  <c:v>561786.06298460497</c:v>
                </c:pt>
                <c:pt idx="13105">
                  <c:v>561786.06298460497</c:v>
                </c:pt>
                <c:pt idx="13106">
                  <c:v>561786.06298460497</c:v>
                </c:pt>
                <c:pt idx="13107">
                  <c:v>561786.06298460497</c:v>
                </c:pt>
                <c:pt idx="13108">
                  <c:v>561786.06298460497</c:v>
                </c:pt>
                <c:pt idx="13109">
                  <c:v>561786.06298460497</c:v>
                </c:pt>
                <c:pt idx="13110">
                  <c:v>561786.06298460497</c:v>
                </c:pt>
                <c:pt idx="13111">
                  <c:v>561786.06298460497</c:v>
                </c:pt>
                <c:pt idx="13112">
                  <c:v>561786.06298460497</c:v>
                </c:pt>
                <c:pt idx="13113">
                  <c:v>561786.06298460497</c:v>
                </c:pt>
                <c:pt idx="13114">
                  <c:v>561786.06298460497</c:v>
                </c:pt>
                <c:pt idx="13115">
                  <c:v>561786.06298460497</c:v>
                </c:pt>
                <c:pt idx="13116">
                  <c:v>561786.06298460497</c:v>
                </c:pt>
                <c:pt idx="13117">
                  <c:v>561786.06298460497</c:v>
                </c:pt>
                <c:pt idx="13118">
                  <c:v>561786.06298460497</c:v>
                </c:pt>
                <c:pt idx="13119">
                  <c:v>561786.06298460497</c:v>
                </c:pt>
                <c:pt idx="13120">
                  <c:v>561786.06298460497</c:v>
                </c:pt>
                <c:pt idx="13121">
                  <c:v>561786.06298460497</c:v>
                </c:pt>
                <c:pt idx="13122">
                  <c:v>561786.06298460497</c:v>
                </c:pt>
                <c:pt idx="13123">
                  <c:v>561786.06298460497</c:v>
                </c:pt>
                <c:pt idx="13124">
                  <c:v>561786.06298460497</c:v>
                </c:pt>
                <c:pt idx="13125">
                  <c:v>561786.06298460497</c:v>
                </c:pt>
                <c:pt idx="13126">
                  <c:v>561786.06298460497</c:v>
                </c:pt>
                <c:pt idx="13127">
                  <c:v>561786.06298460497</c:v>
                </c:pt>
                <c:pt idx="13128">
                  <c:v>561915.889606426</c:v>
                </c:pt>
                <c:pt idx="13129">
                  <c:v>562086.48802337504</c:v>
                </c:pt>
                <c:pt idx="13130">
                  <c:v>562086.48802337504</c:v>
                </c:pt>
                <c:pt idx="13131">
                  <c:v>562086.48802337504</c:v>
                </c:pt>
                <c:pt idx="13132">
                  <c:v>562095.06372902403</c:v>
                </c:pt>
                <c:pt idx="13133">
                  <c:v>562095.06372902403</c:v>
                </c:pt>
                <c:pt idx="13134">
                  <c:v>562095.06372902403</c:v>
                </c:pt>
                <c:pt idx="13135">
                  <c:v>562095.06372902403</c:v>
                </c:pt>
                <c:pt idx="13136">
                  <c:v>562095.06372902403</c:v>
                </c:pt>
                <c:pt idx="13137">
                  <c:v>563460.25463251595</c:v>
                </c:pt>
                <c:pt idx="13138">
                  <c:v>563460.25463251595</c:v>
                </c:pt>
                <c:pt idx="13139">
                  <c:v>563460.25463251595</c:v>
                </c:pt>
                <c:pt idx="13140">
                  <c:v>563460.25463251595</c:v>
                </c:pt>
                <c:pt idx="13141">
                  <c:v>563460.25463251595</c:v>
                </c:pt>
                <c:pt idx="13142">
                  <c:v>563460.25463251595</c:v>
                </c:pt>
                <c:pt idx="13143">
                  <c:v>563460.25463251595</c:v>
                </c:pt>
                <c:pt idx="13144">
                  <c:v>563460.25463251595</c:v>
                </c:pt>
                <c:pt idx="13145">
                  <c:v>563460.25463251595</c:v>
                </c:pt>
                <c:pt idx="13146">
                  <c:v>563460.25463251595</c:v>
                </c:pt>
                <c:pt idx="13147">
                  <c:v>563460.25463251595</c:v>
                </c:pt>
                <c:pt idx="13148">
                  <c:v>563609.26520419202</c:v>
                </c:pt>
                <c:pt idx="13149">
                  <c:v>563609.26520419202</c:v>
                </c:pt>
                <c:pt idx="13150">
                  <c:v>563753.40841806994</c:v>
                </c:pt>
                <c:pt idx="13151">
                  <c:v>563753.40841806994</c:v>
                </c:pt>
                <c:pt idx="13152">
                  <c:v>563753.40841806994</c:v>
                </c:pt>
                <c:pt idx="13153">
                  <c:v>563753.40841806994</c:v>
                </c:pt>
                <c:pt idx="13154">
                  <c:v>563753.40841806994</c:v>
                </c:pt>
                <c:pt idx="13155">
                  <c:v>563753.40841806994</c:v>
                </c:pt>
                <c:pt idx="13156">
                  <c:v>563753.40841806994</c:v>
                </c:pt>
                <c:pt idx="13157">
                  <c:v>563753.40841806994</c:v>
                </c:pt>
                <c:pt idx="13158">
                  <c:v>563753.40841806994</c:v>
                </c:pt>
                <c:pt idx="13159">
                  <c:v>563753.40841806994</c:v>
                </c:pt>
                <c:pt idx="13160">
                  <c:v>563753.40841806994</c:v>
                </c:pt>
                <c:pt idx="13161">
                  <c:v>563753.40841806994</c:v>
                </c:pt>
                <c:pt idx="13162">
                  <c:v>563753.40841806994</c:v>
                </c:pt>
                <c:pt idx="13163">
                  <c:v>564264.44272661803</c:v>
                </c:pt>
                <c:pt idx="13164">
                  <c:v>564264.44272661803</c:v>
                </c:pt>
                <c:pt idx="13165">
                  <c:v>564264.44272661803</c:v>
                </c:pt>
                <c:pt idx="13166">
                  <c:v>564264.44272661803</c:v>
                </c:pt>
                <c:pt idx="13167">
                  <c:v>564264.44272661803</c:v>
                </c:pt>
                <c:pt idx="13168">
                  <c:v>565827.18545303401</c:v>
                </c:pt>
                <c:pt idx="13169">
                  <c:v>565827.18545303401</c:v>
                </c:pt>
                <c:pt idx="13170">
                  <c:v>565827.18545303401</c:v>
                </c:pt>
                <c:pt idx="13171">
                  <c:v>565827.18545303401</c:v>
                </c:pt>
                <c:pt idx="13172">
                  <c:v>565827.18545303401</c:v>
                </c:pt>
                <c:pt idx="13173">
                  <c:v>565827.18545303401</c:v>
                </c:pt>
                <c:pt idx="13174">
                  <c:v>565827.18545303401</c:v>
                </c:pt>
                <c:pt idx="13175">
                  <c:v>565827.18545303401</c:v>
                </c:pt>
                <c:pt idx="13176">
                  <c:v>565827.18545303401</c:v>
                </c:pt>
                <c:pt idx="13177">
                  <c:v>565827.18545303401</c:v>
                </c:pt>
                <c:pt idx="13178">
                  <c:v>565827.18545303401</c:v>
                </c:pt>
                <c:pt idx="13179">
                  <c:v>565827.18545303401</c:v>
                </c:pt>
                <c:pt idx="13180">
                  <c:v>565827.18545303401</c:v>
                </c:pt>
                <c:pt idx="13181">
                  <c:v>565827.18545303401</c:v>
                </c:pt>
                <c:pt idx="13182">
                  <c:v>565827.18545303401</c:v>
                </c:pt>
                <c:pt idx="13183">
                  <c:v>565827.18545303401</c:v>
                </c:pt>
                <c:pt idx="13184">
                  <c:v>565827.18545303401</c:v>
                </c:pt>
                <c:pt idx="13185">
                  <c:v>565827.18545303401</c:v>
                </c:pt>
                <c:pt idx="13186">
                  <c:v>565827.18545303401</c:v>
                </c:pt>
                <c:pt idx="13187">
                  <c:v>565827.18545303401</c:v>
                </c:pt>
                <c:pt idx="13188">
                  <c:v>565827.18545303401</c:v>
                </c:pt>
                <c:pt idx="13189">
                  <c:v>565827.18545303401</c:v>
                </c:pt>
                <c:pt idx="13190">
                  <c:v>565827.18545303401</c:v>
                </c:pt>
                <c:pt idx="13191">
                  <c:v>565827.18545303401</c:v>
                </c:pt>
                <c:pt idx="13192">
                  <c:v>565827.18545303401</c:v>
                </c:pt>
                <c:pt idx="13193">
                  <c:v>565827.18545303401</c:v>
                </c:pt>
                <c:pt idx="13194">
                  <c:v>565827.18545303401</c:v>
                </c:pt>
                <c:pt idx="13195">
                  <c:v>565827.18545303401</c:v>
                </c:pt>
                <c:pt idx="13196">
                  <c:v>565827.18545303401</c:v>
                </c:pt>
                <c:pt idx="13197">
                  <c:v>565827.18545303401</c:v>
                </c:pt>
                <c:pt idx="13198">
                  <c:v>565827.18545303401</c:v>
                </c:pt>
                <c:pt idx="13199">
                  <c:v>565827.18545303401</c:v>
                </c:pt>
                <c:pt idx="13200">
                  <c:v>565827.18545303401</c:v>
                </c:pt>
                <c:pt idx="13201">
                  <c:v>565827.18545303401</c:v>
                </c:pt>
                <c:pt idx="13202">
                  <c:v>565827.18545303401</c:v>
                </c:pt>
                <c:pt idx="13203">
                  <c:v>565827.18545303401</c:v>
                </c:pt>
                <c:pt idx="13204">
                  <c:v>565827.18545303401</c:v>
                </c:pt>
                <c:pt idx="13205">
                  <c:v>565827.18545303401</c:v>
                </c:pt>
                <c:pt idx="13206">
                  <c:v>565827.18545303401</c:v>
                </c:pt>
                <c:pt idx="13207">
                  <c:v>565827.18545303401</c:v>
                </c:pt>
                <c:pt idx="13208">
                  <c:v>565827.18545303401</c:v>
                </c:pt>
                <c:pt idx="13209">
                  <c:v>565827.18545303401</c:v>
                </c:pt>
                <c:pt idx="13210">
                  <c:v>565827.18545303401</c:v>
                </c:pt>
                <c:pt idx="13211">
                  <c:v>565827.18545303401</c:v>
                </c:pt>
                <c:pt idx="13212">
                  <c:v>565827.18545303401</c:v>
                </c:pt>
                <c:pt idx="13213">
                  <c:v>565827.18545303401</c:v>
                </c:pt>
                <c:pt idx="13214">
                  <c:v>565827.18545303401</c:v>
                </c:pt>
                <c:pt idx="13215">
                  <c:v>565827.18545303401</c:v>
                </c:pt>
                <c:pt idx="13216">
                  <c:v>565827.18545303401</c:v>
                </c:pt>
                <c:pt idx="13217">
                  <c:v>565827.18545303401</c:v>
                </c:pt>
                <c:pt idx="13218">
                  <c:v>565827.18545303401</c:v>
                </c:pt>
                <c:pt idx="13219">
                  <c:v>565827.18545303401</c:v>
                </c:pt>
                <c:pt idx="13220">
                  <c:v>565827.18545303401</c:v>
                </c:pt>
                <c:pt idx="13221">
                  <c:v>565827.18545303401</c:v>
                </c:pt>
                <c:pt idx="13222">
                  <c:v>565827.18545303401</c:v>
                </c:pt>
                <c:pt idx="13223">
                  <c:v>566083.02632623794</c:v>
                </c:pt>
                <c:pt idx="13224">
                  <c:v>566083.02632623794</c:v>
                </c:pt>
                <c:pt idx="13225">
                  <c:v>566083.02632623794</c:v>
                </c:pt>
                <c:pt idx="13226">
                  <c:v>566083.02632623794</c:v>
                </c:pt>
                <c:pt idx="13227">
                  <c:v>566083.02632623794</c:v>
                </c:pt>
                <c:pt idx="13228">
                  <c:v>566622.09405671398</c:v>
                </c:pt>
                <c:pt idx="13229">
                  <c:v>566622.09405671398</c:v>
                </c:pt>
                <c:pt idx="13230">
                  <c:v>566622.09405671398</c:v>
                </c:pt>
                <c:pt idx="13231">
                  <c:v>566622.09405671398</c:v>
                </c:pt>
                <c:pt idx="13232">
                  <c:v>566622.09405671398</c:v>
                </c:pt>
                <c:pt idx="13233">
                  <c:v>566622.09405671398</c:v>
                </c:pt>
                <c:pt idx="13234">
                  <c:v>566622.09405671398</c:v>
                </c:pt>
                <c:pt idx="13235">
                  <c:v>566622.09405671398</c:v>
                </c:pt>
                <c:pt idx="13236">
                  <c:v>566622.09405671398</c:v>
                </c:pt>
                <c:pt idx="13237">
                  <c:v>566622.09405671398</c:v>
                </c:pt>
                <c:pt idx="13238">
                  <c:v>566622.09405671398</c:v>
                </c:pt>
                <c:pt idx="13239">
                  <c:v>566622.09405671398</c:v>
                </c:pt>
                <c:pt idx="13240">
                  <c:v>566622.09405671398</c:v>
                </c:pt>
                <c:pt idx="13241">
                  <c:v>566644.34835017996</c:v>
                </c:pt>
                <c:pt idx="13242">
                  <c:v>566644.34835017996</c:v>
                </c:pt>
                <c:pt idx="13243">
                  <c:v>566644.34835017996</c:v>
                </c:pt>
                <c:pt idx="13244">
                  <c:v>566644.34835017996</c:v>
                </c:pt>
                <c:pt idx="13245">
                  <c:v>566644.34835017996</c:v>
                </c:pt>
                <c:pt idx="13246">
                  <c:v>566644.34835017996</c:v>
                </c:pt>
                <c:pt idx="13247">
                  <c:v>566644.34835017996</c:v>
                </c:pt>
                <c:pt idx="13248">
                  <c:v>566644.34835017996</c:v>
                </c:pt>
                <c:pt idx="13249">
                  <c:v>566644.34835017996</c:v>
                </c:pt>
                <c:pt idx="13250">
                  <c:v>566644.34835017996</c:v>
                </c:pt>
                <c:pt idx="13251">
                  <c:v>566644.34835017996</c:v>
                </c:pt>
                <c:pt idx="13252">
                  <c:v>566644.34835017996</c:v>
                </c:pt>
                <c:pt idx="13253">
                  <c:v>566644.34835017996</c:v>
                </c:pt>
                <c:pt idx="13254">
                  <c:v>566644.34835017996</c:v>
                </c:pt>
                <c:pt idx="13255">
                  <c:v>566644.34835017996</c:v>
                </c:pt>
                <c:pt idx="13256">
                  <c:v>566644.34835017996</c:v>
                </c:pt>
                <c:pt idx="13257">
                  <c:v>566644.34835017996</c:v>
                </c:pt>
                <c:pt idx="13258">
                  <c:v>566644.34835017996</c:v>
                </c:pt>
                <c:pt idx="13259">
                  <c:v>566644.34835017996</c:v>
                </c:pt>
                <c:pt idx="13260">
                  <c:v>566644.34835017996</c:v>
                </c:pt>
                <c:pt idx="13261">
                  <c:v>566644.34835017996</c:v>
                </c:pt>
                <c:pt idx="13262">
                  <c:v>566644.34835017996</c:v>
                </c:pt>
                <c:pt idx="13263">
                  <c:v>566644.34835017996</c:v>
                </c:pt>
                <c:pt idx="13264">
                  <c:v>566644.34835017996</c:v>
                </c:pt>
                <c:pt idx="13265">
                  <c:v>566644.34835017996</c:v>
                </c:pt>
                <c:pt idx="13266">
                  <c:v>566644.34835017996</c:v>
                </c:pt>
                <c:pt idx="13267">
                  <c:v>566644.34835017996</c:v>
                </c:pt>
                <c:pt idx="13268">
                  <c:v>566644.34835017996</c:v>
                </c:pt>
                <c:pt idx="13269">
                  <c:v>566644.34835017996</c:v>
                </c:pt>
                <c:pt idx="13270">
                  <c:v>566644.34835017996</c:v>
                </c:pt>
                <c:pt idx="13271">
                  <c:v>566644.34835017996</c:v>
                </c:pt>
                <c:pt idx="13272">
                  <c:v>566644.34835017996</c:v>
                </c:pt>
                <c:pt idx="13273">
                  <c:v>566644.34835017996</c:v>
                </c:pt>
                <c:pt idx="13274">
                  <c:v>566644.34835017996</c:v>
                </c:pt>
                <c:pt idx="13275">
                  <c:v>566644.34835017996</c:v>
                </c:pt>
                <c:pt idx="13276">
                  <c:v>566644.34835017996</c:v>
                </c:pt>
                <c:pt idx="13277">
                  <c:v>566644.34835017996</c:v>
                </c:pt>
                <c:pt idx="13278">
                  <c:v>567503.88362926699</c:v>
                </c:pt>
                <c:pt idx="13279">
                  <c:v>567503.88362926699</c:v>
                </c:pt>
                <c:pt idx="13280">
                  <c:v>567503.88362926699</c:v>
                </c:pt>
                <c:pt idx="13281">
                  <c:v>567503.88362926699</c:v>
                </c:pt>
                <c:pt idx="13282">
                  <c:v>567503.88362926699</c:v>
                </c:pt>
                <c:pt idx="13283">
                  <c:v>567503.88362926699</c:v>
                </c:pt>
                <c:pt idx="13284">
                  <c:v>567503.88362926699</c:v>
                </c:pt>
                <c:pt idx="13285">
                  <c:v>567503.88362926699</c:v>
                </c:pt>
                <c:pt idx="13286">
                  <c:v>567503.88362926699</c:v>
                </c:pt>
                <c:pt idx="13287">
                  <c:v>567503.88362926699</c:v>
                </c:pt>
                <c:pt idx="13288">
                  <c:v>567503.88362926699</c:v>
                </c:pt>
                <c:pt idx="13289">
                  <c:v>567503.88362926699</c:v>
                </c:pt>
                <c:pt idx="13290">
                  <c:v>567503.88362926699</c:v>
                </c:pt>
                <c:pt idx="13291">
                  <c:v>567503.88362926699</c:v>
                </c:pt>
                <c:pt idx="13292">
                  <c:v>567503.88362926699</c:v>
                </c:pt>
                <c:pt idx="13293">
                  <c:v>568154.06670749502</c:v>
                </c:pt>
                <c:pt idx="13294">
                  <c:v>568154.06670749502</c:v>
                </c:pt>
                <c:pt idx="13295">
                  <c:v>568154.06670749502</c:v>
                </c:pt>
                <c:pt idx="13296">
                  <c:v>568154.06670749502</c:v>
                </c:pt>
                <c:pt idx="13297">
                  <c:v>568550.94537851901</c:v>
                </c:pt>
                <c:pt idx="13298">
                  <c:v>568550.94537851901</c:v>
                </c:pt>
                <c:pt idx="13299">
                  <c:v>568550.94537851901</c:v>
                </c:pt>
                <c:pt idx="13300">
                  <c:v>568550.94537851901</c:v>
                </c:pt>
                <c:pt idx="13301">
                  <c:v>568550.94537851901</c:v>
                </c:pt>
                <c:pt idx="13302">
                  <c:v>568550.94537851901</c:v>
                </c:pt>
                <c:pt idx="13303">
                  <c:v>568550.94537851901</c:v>
                </c:pt>
                <c:pt idx="13304">
                  <c:v>568550.94537851901</c:v>
                </c:pt>
                <c:pt idx="13305">
                  <c:v>568550.94537851901</c:v>
                </c:pt>
                <c:pt idx="13306">
                  <c:v>568550.94537851901</c:v>
                </c:pt>
                <c:pt idx="13307">
                  <c:v>568550.94537851901</c:v>
                </c:pt>
                <c:pt idx="13308">
                  <c:v>568550.94537851901</c:v>
                </c:pt>
                <c:pt idx="13309">
                  <c:v>568550.94537851901</c:v>
                </c:pt>
                <c:pt idx="13310">
                  <c:v>568550.94537851901</c:v>
                </c:pt>
                <c:pt idx="13311">
                  <c:v>568550.94537851901</c:v>
                </c:pt>
                <c:pt idx="13312">
                  <c:v>568550.94537851901</c:v>
                </c:pt>
                <c:pt idx="13313">
                  <c:v>568550.94537851901</c:v>
                </c:pt>
                <c:pt idx="13314">
                  <c:v>568550.94537851901</c:v>
                </c:pt>
                <c:pt idx="13315">
                  <c:v>568550.94537851901</c:v>
                </c:pt>
                <c:pt idx="13316">
                  <c:v>568550.94537851901</c:v>
                </c:pt>
                <c:pt idx="13317">
                  <c:v>568550.94537851901</c:v>
                </c:pt>
                <c:pt idx="13318">
                  <c:v>568741.94868159597</c:v>
                </c:pt>
                <c:pt idx="13319">
                  <c:v>568741.94868159597</c:v>
                </c:pt>
                <c:pt idx="13320">
                  <c:v>568741.94868159597</c:v>
                </c:pt>
                <c:pt idx="13321">
                  <c:v>568741.94868159597</c:v>
                </c:pt>
                <c:pt idx="13322">
                  <c:v>568741.94868159597</c:v>
                </c:pt>
                <c:pt idx="13323">
                  <c:v>568741.94868159597</c:v>
                </c:pt>
                <c:pt idx="13324">
                  <c:v>568741.94868159597</c:v>
                </c:pt>
                <c:pt idx="13325">
                  <c:v>568741.94868159597</c:v>
                </c:pt>
                <c:pt idx="13326">
                  <c:v>568741.94868159597</c:v>
                </c:pt>
                <c:pt idx="13327">
                  <c:v>568741.94868159597</c:v>
                </c:pt>
                <c:pt idx="13328">
                  <c:v>568741.94868159597</c:v>
                </c:pt>
                <c:pt idx="13329">
                  <c:v>568741.94868159597</c:v>
                </c:pt>
                <c:pt idx="13330">
                  <c:v>568741.94868159597</c:v>
                </c:pt>
                <c:pt idx="13331">
                  <c:v>568741.94868159597</c:v>
                </c:pt>
                <c:pt idx="13332">
                  <c:v>568741.94868159597</c:v>
                </c:pt>
                <c:pt idx="13333">
                  <c:v>568741.94868159597</c:v>
                </c:pt>
                <c:pt idx="13334">
                  <c:v>568741.94868159597</c:v>
                </c:pt>
                <c:pt idx="13335">
                  <c:v>568741.94868159597</c:v>
                </c:pt>
                <c:pt idx="13336">
                  <c:v>568741.94868159597</c:v>
                </c:pt>
                <c:pt idx="13337">
                  <c:v>568766.90226465894</c:v>
                </c:pt>
                <c:pt idx="13338">
                  <c:v>568766.90226465894</c:v>
                </c:pt>
                <c:pt idx="13339">
                  <c:v>568766.90226465894</c:v>
                </c:pt>
                <c:pt idx="13340">
                  <c:v>568766.90226465894</c:v>
                </c:pt>
                <c:pt idx="13341">
                  <c:v>568766.90226465894</c:v>
                </c:pt>
                <c:pt idx="13342">
                  <c:v>568766.90226465894</c:v>
                </c:pt>
                <c:pt idx="13343">
                  <c:v>568766.90226465894</c:v>
                </c:pt>
                <c:pt idx="13344">
                  <c:v>568766.90226465894</c:v>
                </c:pt>
                <c:pt idx="13345">
                  <c:v>568766.90226465894</c:v>
                </c:pt>
                <c:pt idx="13346">
                  <c:v>568766.90226465894</c:v>
                </c:pt>
                <c:pt idx="13347">
                  <c:v>569200.58281425398</c:v>
                </c:pt>
                <c:pt idx="13348">
                  <c:v>569200.58281425398</c:v>
                </c:pt>
                <c:pt idx="13349">
                  <c:v>569200.58281425398</c:v>
                </c:pt>
                <c:pt idx="13350">
                  <c:v>569200.58281425398</c:v>
                </c:pt>
                <c:pt idx="13351">
                  <c:v>569200.58281425398</c:v>
                </c:pt>
                <c:pt idx="13352">
                  <c:v>569200.58281425398</c:v>
                </c:pt>
                <c:pt idx="13353">
                  <c:v>569200.58281425398</c:v>
                </c:pt>
                <c:pt idx="13354">
                  <c:v>569200.58281425398</c:v>
                </c:pt>
                <c:pt idx="13355">
                  <c:v>569200.58281425398</c:v>
                </c:pt>
                <c:pt idx="13356">
                  <c:v>569200.58281425398</c:v>
                </c:pt>
                <c:pt idx="13357">
                  <c:v>569200.58281425398</c:v>
                </c:pt>
                <c:pt idx="13358">
                  <c:v>569200.58281425398</c:v>
                </c:pt>
                <c:pt idx="13359">
                  <c:v>569200.58281425398</c:v>
                </c:pt>
                <c:pt idx="13360">
                  <c:v>569200.58281425398</c:v>
                </c:pt>
                <c:pt idx="13361">
                  <c:v>569200.58281425398</c:v>
                </c:pt>
                <c:pt idx="13362">
                  <c:v>569200.58281425398</c:v>
                </c:pt>
                <c:pt idx="13363">
                  <c:v>569200.58281425398</c:v>
                </c:pt>
                <c:pt idx="13364">
                  <c:v>569200.58281425398</c:v>
                </c:pt>
                <c:pt idx="13365">
                  <c:v>569200.58281425398</c:v>
                </c:pt>
                <c:pt idx="13366">
                  <c:v>569200.58281425398</c:v>
                </c:pt>
                <c:pt idx="13367">
                  <c:v>569200.58281425398</c:v>
                </c:pt>
                <c:pt idx="13368">
                  <c:v>569200.58281425398</c:v>
                </c:pt>
                <c:pt idx="13369">
                  <c:v>569200.58281425398</c:v>
                </c:pt>
                <c:pt idx="13370">
                  <c:v>569200.58281425398</c:v>
                </c:pt>
                <c:pt idx="13371">
                  <c:v>569200.58281425398</c:v>
                </c:pt>
                <c:pt idx="13372">
                  <c:v>569200.58281425398</c:v>
                </c:pt>
                <c:pt idx="13373">
                  <c:v>569200.58281425398</c:v>
                </c:pt>
                <c:pt idx="13374">
                  <c:v>569200.58281425398</c:v>
                </c:pt>
                <c:pt idx="13375">
                  <c:v>569200.58281425398</c:v>
                </c:pt>
                <c:pt idx="13376">
                  <c:v>569200.58281425398</c:v>
                </c:pt>
                <c:pt idx="13377">
                  <c:v>569200.58281425398</c:v>
                </c:pt>
                <c:pt idx="13378">
                  <c:v>569200.58281425398</c:v>
                </c:pt>
                <c:pt idx="13379">
                  <c:v>569849.38827931101</c:v>
                </c:pt>
                <c:pt idx="13380">
                  <c:v>569849.38827931101</c:v>
                </c:pt>
                <c:pt idx="13381">
                  <c:v>569849.38827931101</c:v>
                </c:pt>
                <c:pt idx="13382">
                  <c:v>569849.38827931101</c:v>
                </c:pt>
                <c:pt idx="13383">
                  <c:v>569849.38827931101</c:v>
                </c:pt>
                <c:pt idx="13384">
                  <c:v>569849.38827931101</c:v>
                </c:pt>
                <c:pt idx="13385">
                  <c:v>569981.25365854998</c:v>
                </c:pt>
                <c:pt idx="13386">
                  <c:v>569981.25365854998</c:v>
                </c:pt>
                <c:pt idx="13387">
                  <c:v>569981.25365854998</c:v>
                </c:pt>
                <c:pt idx="13388">
                  <c:v>569981.25365854998</c:v>
                </c:pt>
                <c:pt idx="13389">
                  <c:v>569981.25365854998</c:v>
                </c:pt>
                <c:pt idx="13390">
                  <c:v>569981.25365854998</c:v>
                </c:pt>
                <c:pt idx="13391">
                  <c:v>569981.25365854998</c:v>
                </c:pt>
                <c:pt idx="13392">
                  <c:v>569981.25365854998</c:v>
                </c:pt>
                <c:pt idx="13393">
                  <c:v>569981.25365854998</c:v>
                </c:pt>
                <c:pt idx="13394">
                  <c:v>569981.25365854998</c:v>
                </c:pt>
                <c:pt idx="13395">
                  <c:v>569981.25365854998</c:v>
                </c:pt>
                <c:pt idx="13396">
                  <c:v>569981.25365854998</c:v>
                </c:pt>
                <c:pt idx="13397">
                  <c:v>569981.25365854998</c:v>
                </c:pt>
                <c:pt idx="13398">
                  <c:v>569981.25365854998</c:v>
                </c:pt>
                <c:pt idx="13399">
                  <c:v>569981.25365854998</c:v>
                </c:pt>
                <c:pt idx="13400">
                  <c:v>569981.25365854998</c:v>
                </c:pt>
                <c:pt idx="13401">
                  <c:v>569981.25365854998</c:v>
                </c:pt>
                <c:pt idx="13402">
                  <c:v>569981.25365854998</c:v>
                </c:pt>
                <c:pt idx="13403">
                  <c:v>572727.09353986895</c:v>
                </c:pt>
                <c:pt idx="13404">
                  <c:v>572727.09353986895</c:v>
                </c:pt>
                <c:pt idx="13405">
                  <c:v>572727.09353986895</c:v>
                </c:pt>
                <c:pt idx="13406">
                  <c:v>572727.09353986895</c:v>
                </c:pt>
                <c:pt idx="13407">
                  <c:v>572727.09353986895</c:v>
                </c:pt>
                <c:pt idx="13408">
                  <c:v>572727.09353986895</c:v>
                </c:pt>
                <c:pt idx="13409">
                  <c:v>572727.09353986895</c:v>
                </c:pt>
                <c:pt idx="13410">
                  <c:v>572727.09353986895</c:v>
                </c:pt>
                <c:pt idx="13411">
                  <c:v>572727.09353986895</c:v>
                </c:pt>
                <c:pt idx="13412">
                  <c:v>572727.09353986895</c:v>
                </c:pt>
                <c:pt idx="13413">
                  <c:v>572727.09353986895</c:v>
                </c:pt>
                <c:pt idx="13414">
                  <c:v>572727.09353986895</c:v>
                </c:pt>
                <c:pt idx="13415">
                  <c:v>572727.09353986895</c:v>
                </c:pt>
                <c:pt idx="13416">
                  <c:v>572727.09353986895</c:v>
                </c:pt>
                <c:pt idx="13417">
                  <c:v>572727.09353986895</c:v>
                </c:pt>
                <c:pt idx="13418">
                  <c:v>572727.09353986895</c:v>
                </c:pt>
                <c:pt idx="13419">
                  <c:v>572727.09353986895</c:v>
                </c:pt>
                <c:pt idx="13420">
                  <c:v>572727.09353986895</c:v>
                </c:pt>
                <c:pt idx="13421">
                  <c:v>572727.09353986895</c:v>
                </c:pt>
                <c:pt idx="13422">
                  <c:v>573125.48152599798</c:v>
                </c:pt>
                <c:pt idx="13423">
                  <c:v>573125.48152599798</c:v>
                </c:pt>
                <c:pt idx="13424">
                  <c:v>573125.48152599798</c:v>
                </c:pt>
                <c:pt idx="13425">
                  <c:v>573125.48152599798</c:v>
                </c:pt>
                <c:pt idx="13426">
                  <c:v>573125.48152599798</c:v>
                </c:pt>
                <c:pt idx="13427">
                  <c:v>573125.48152599798</c:v>
                </c:pt>
                <c:pt idx="13428">
                  <c:v>573125.48152599798</c:v>
                </c:pt>
                <c:pt idx="13429">
                  <c:v>573125.48152599798</c:v>
                </c:pt>
                <c:pt idx="13430">
                  <c:v>573125.48152599798</c:v>
                </c:pt>
                <c:pt idx="13431">
                  <c:v>573125.48152599798</c:v>
                </c:pt>
                <c:pt idx="13432">
                  <c:v>573125.48152599798</c:v>
                </c:pt>
                <c:pt idx="13433">
                  <c:v>573125.48152599798</c:v>
                </c:pt>
                <c:pt idx="13434">
                  <c:v>573125.48152599798</c:v>
                </c:pt>
                <c:pt idx="13435">
                  <c:v>573125.48152599798</c:v>
                </c:pt>
                <c:pt idx="13436">
                  <c:v>573125.48152599798</c:v>
                </c:pt>
                <c:pt idx="13437">
                  <c:v>573125.48152599798</c:v>
                </c:pt>
                <c:pt idx="13438">
                  <c:v>573125.48152599798</c:v>
                </c:pt>
                <c:pt idx="13439">
                  <c:v>573125.48152599798</c:v>
                </c:pt>
                <c:pt idx="13440">
                  <c:v>573125.48152599798</c:v>
                </c:pt>
                <c:pt idx="13441">
                  <c:v>573125.48152599798</c:v>
                </c:pt>
                <c:pt idx="13442">
                  <c:v>573125.48152599798</c:v>
                </c:pt>
                <c:pt idx="13443">
                  <c:v>573125.48152599798</c:v>
                </c:pt>
                <c:pt idx="13444">
                  <c:v>573125.48152599798</c:v>
                </c:pt>
                <c:pt idx="13445">
                  <c:v>573125.48152599798</c:v>
                </c:pt>
                <c:pt idx="13446">
                  <c:v>573125.48152599798</c:v>
                </c:pt>
                <c:pt idx="13447">
                  <c:v>573125.48152599798</c:v>
                </c:pt>
                <c:pt idx="13448">
                  <c:v>573125.48152599798</c:v>
                </c:pt>
                <c:pt idx="13449">
                  <c:v>573125.48152599798</c:v>
                </c:pt>
                <c:pt idx="13450">
                  <c:v>573125.48152599798</c:v>
                </c:pt>
                <c:pt idx="13451">
                  <c:v>573125.48152599798</c:v>
                </c:pt>
                <c:pt idx="13452">
                  <c:v>573125.48152599798</c:v>
                </c:pt>
                <c:pt idx="13453">
                  <c:v>573125.48152599798</c:v>
                </c:pt>
                <c:pt idx="13454">
                  <c:v>573125.48152599798</c:v>
                </c:pt>
                <c:pt idx="13455">
                  <c:v>573125.48152599798</c:v>
                </c:pt>
                <c:pt idx="13456">
                  <c:v>573125.48152599798</c:v>
                </c:pt>
                <c:pt idx="13457">
                  <c:v>573125.48152599798</c:v>
                </c:pt>
                <c:pt idx="13458">
                  <c:v>573125.48152599798</c:v>
                </c:pt>
                <c:pt idx="13459">
                  <c:v>573899.10540729202</c:v>
                </c:pt>
                <c:pt idx="13460">
                  <c:v>573899.10540729202</c:v>
                </c:pt>
                <c:pt idx="13461">
                  <c:v>573899.10540729202</c:v>
                </c:pt>
                <c:pt idx="13462">
                  <c:v>573899.10540729202</c:v>
                </c:pt>
                <c:pt idx="13463">
                  <c:v>573899.10540729202</c:v>
                </c:pt>
                <c:pt idx="13464">
                  <c:v>573940.83809417102</c:v>
                </c:pt>
                <c:pt idx="13465">
                  <c:v>573940.83809417102</c:v>
                </c:pt>
                <c:pt idx="13466">
                  <c:v>573940.83809417102</c:v>
                </c:pt>
                <c:pt idx="13467">
                  <c:v>573940.83809417102</c:v>
                </c:pt>
                <c:pt idx="13468">
                  <c:v>573940.83809417102</c:v>
                </c:pt>
                <c:pt idx="13469">
                  <c:v>573940.83809417102</c:v>
                </c:pt>
                <c:pt idx="13470">
                  <c:v>573940.83809417102</c:v>
                </c:pt>
                <c:pt idx="13471">
                  <c:v>573940.83809417102</c:v>
                </c:pt>
                <c:pt idx="13472">
                  <c:v>573940.83809417102</c:v>
                </c:pt>
                <c:pt idx="13473">
                  <c:v>573940.83809417102</c:v>
                </c:pt>
                <c:pt idx="13474">
                  <c:v>573940.83809417102</c:v>
                </c:pt>
                <c:pt idx="13475">
                  <c:v>573940.83809417102</c:v>
                </c:pt>
                <c:pt idx="13476">
                  <c:v>573940.83809417102</c:v>
                </c:pt>
                <c:pt idx="13477">
                  <c:v>573940.83809417102</c:v>
                </c:pt>
                <c:pt idx="13478">
                  <c:v>573940.83809417102</c:v>
                </c:pt>
                <c:pt idx="13479">
                  <c:v>573940.83809417102</c:v>
                </c:pt>
                <c:pt idx="13480">
                  <c:v>573940.83809417102</c:v>
                </c:pt>
                <c:pt idx="13481">
                  <c:v>573940.83809417102</c:v>
                </c:pt>
                <c:pt idx="13482">
                  <c:v>573940.83809417102</c:v>
                </c:pt>
                <c:pt idx="13483">
                  <c:v>573940.83809417102</c:v>
                </c:pt>
                <c:pt idx="13484">
                  <c:v>573940.83809417102</c:v>
                </c:pt>
                <c:pt idx="13485">
                  <c:v>573940.83809417102</c:v>
                </c:pt>
                <c:pt idx="13486">
                  <c:v>573940.83809417102</c:v>
                </c:pt>
                <c:pt idx="13487">
                  <c:v>573940.83809417102</c:v>
                </c:pt>
                <c:pt idx="13488">
                  <c:v>573940.83809417102</c:v>
                </c:pt>
                <c:pt idx="13489">
                  <c:v>573940.83809417102</c:v>
                </c:pt>
                <c:pt idx="13490">
                  <c:v>573940.83809417102</c:v>
                </c:pt>
                <c:pt idx="13491">
                  <c:v>573940.83809417102</c:v>
                </c:pt>
                <c:pt idx="13492">
                  <c:v>573940.83809417102</c:v>
                </c:pt>
                <c:pt idx="13493">
                  <c:v>573940.83809417102</c:v>
                </c:pt>
                <c:pt idx="13494">
                  <c:v>573940.83809417102</c:v>
                </c:pt>
                <c:pt idx="13495">
                  <c:v>573940.83809417102</c:v>
                </c:pt>
                <c:pt idx="13496">
                  <c:v>573940.83809417102</c:v>
                </c:pt>
                <c:pt idx="13497">
                  <c:v>573940.83809417102</c:v>
                </c:pt>
                <c:pt idx="13498">
                  <c:v>573940.83809417102</c:v>
                </c:pt>
                <c:pt idx="13499">
                  <c:v>573940.83809417102</c:v>
                </c:pt>
                <c:pt idx="13500">
                  <c:v>573940.83809417102</c:v>
                </c:pt>
                <c:pt idx="13501">
                  <c:v>574174.06706331496</c:v>
                </c:pt>
                <c:pt idx="13502">
                  <c:v>574174.06706331496</c:v>
                </c:pt>
                <c:pt idx="13503">
                  <c:v>574174.06706331496</c:v>
                </c:pt>
                <c:pt idx="13504">
                  <c:v>574174.06706331496</c:v>
                </c:pt>
                <c:pt idx="13505">
                  <c:v>574174.06706331496</c:v>
                </c:pt>
                <c:pt idx="13506">
                  <c:v>574174.06706331496</c:v>
                </c:pt>
                <c:pt idx="13507">
                  <c:v>574174.06706331496</c:v>
                </c:pt>
                <c:pt idx="13508">
                  <c:v>574174.06706331496</c:v>
                </c:pt>
                <c:pt idx="13509">
                  <c:v>574174.06706331496</c:v>
                </c:pt>
                <c:pt idx="13510">
                  <c:v>574174.06706331496</c:v>
                </c:pt>
                <c:pt idx="13511">
                  <c:v>574174.06706331496</c:v>
                </c:pt>
                <c:pt idx="13512">
                  <c:v>574174.06706331496</c:v>
                </c:pt>
                <c:pt idx="13513">
                  <c:v>574174.06706331496</c:v>
                </c:pt>
                <c:pt idx="13514">
                  <c:v>574542.28645718005</c:v>
                </c:pt>
                <c:pt idx="13515">
                  <c:v>574542.28645718005</c:v>
                </c:pt>
                <c:pt idx="13516">
                  <c:v>574542.28645718005</c:v>
                </c:pt>
                <c:pt idx="13517">
                  <c:v>574542.28645718005</c:v>
                </c:pt>
                <c:pt idx="13518">
                  <c:v>574542.28645718005</c:v>
                </c:pt>
                <c:pt idx="13519">
                  <c:v>574542.28645718005</c:v>
                </c:pt>
                <c:pt idx="13520">
                  <c:v>574542.28645718005</c:v>
                </c:pt>
                <c:pt idx="13521">
                  <c:v>574542.28645718005</c:v>
                </c:pt>
                <c:pt idx="13522">
                  <c:v>574542.28645718005</c:v>
                </c:pt>
                <c:pt idx="13523">
                  <c:v>574542.28645718005</c:v>
                </c:pt>
                <c:pt idx="13524">
                  <c:v>574542.28645718005</c:v>
                </c:pt>
                <c:pt idx="13525">
                  <c:v>574542.28645718005</c:v>
                </c:pt>
                <c:pt idx="13526">
                  <c:v>574542.28645718005</c:v>
                </c:pt>
                <c:pt idx="13527">
                  <c:v>574542.28645718005</c:v>
                </c:pt>
                <c:pt idx="13528">
                  <c:v>574542.28645718005</c:v>
                </c:pt>
                <c:pt idx="13529">
                  <c:v>574542.28645718005</c:v>
                </c:pt>
                <c:pt idx="13530">
                  <c:v>574542.28645718005</c:v>
                </c:pt>
                <c:pt idx="13531">
                  <c:v>574542.28645718005</c:v>
                </c:pt>
                <c:pt idx="13532">
                  <c:v>574542.28645718005</c:v>
                </c:pt>
                <c:pt idx="13533">
                  <c:v>574542.28645718005</c:v>
                </c:pt>
                <c:pt idx="13534">
                  <c:v>574542.28645718005</c:v>
                </c:pt>
                <c:pt idx="13535">
                  <c:v>574542.28645718005</c:v>
                </c:pt>
                <c:pt idx="13536">
                  <c:v>574542.28645718005</c:v>
                </c:pt>
                <c:pt idx="13537">
                  <c:v>574542.28645718005</c:v>
                </c:pt>
                <c:pt idx="13538">
                  <c:v>574542.28645718005</c:v>
                </c:pt>
                <c:pt idx="13539">
                  <c:v>574542.28645718005</c:v>
                </c:pt>
                <c:pt idx="13540">
                  <c:v>574542.28645718005</c:v>
                </c:pt>
                <c:pt idx="13541">
                  <c:v>574542.28645718005</c:v>
                </c:pt>
                <c:pt idx="13542">
                  <c:v>574542.28645718005</c:v>
                </c:pt>
                <c:pt idx="13543">
                  <c:v>574542.28645718005</c:v>
                </c:pt>
                <c:pt idx="13544">
                  <c:v>574542.28645718005</c:v>
                </c:pt>
                <c:pt idx="13545">
                  <c:v>574542.28645718005</c:v>
                </c:pt>
                <c:pt idx="13546">
                  <c:v>577185.13462353905</c:v>
                </c:pt>
                <c:pt idx="13547">
                  <c:v>577185.13462353905</c:v>
                </c:pt>
                <c:pt idx="13548">
                  <c:v>577185.13462353905</c:v>
                </c:pt>
                <c:pt idx="13549">
                  <c:v>577185.13462353905</c:v>
                </c:pt>
                <c:pt idx="13550">
                  <c:v>577185.13462353905</c:v>
                </c:pt>
                <c:pt idx="13551">
                  <c:v>577185.13462353905</c:v>
                </c:pt>
                <c:pt idx="13552">
                  <c:v>577185.13462353905</c:v>
                </c:pt>
                <c:pt idx="13553">
                  <c:v>577185.13462353905</c:v>
                </c:pt>
                <c:pt idx="13554">
                  <c:v>577185.13462353905</c:v>
                </c:pt>
                <c:pt idx="13555">
                  <c:v>577185.13462353905</c:v>
                </c:pt>
                <c:pt idx="13556">
                  <c:v>577185.13462353905</c:v>
                </c:pt>
                <c:pt idx="13557">
                  <c:v>577185.13462353905</c:v>
                </c:pt>
                <c:pt idx="13558">
                  <c:v>577185.13462353905</c:v>
                </c:pt>
                <c:pt idx="13559">
                  <c:v>577185.13462353905</c:v>
                </c:pt>
                <c:pt idx="13560">
                  <c:v>577185.13462353905</c:v>
                </c:pt>
                <c:pt idx="13561">
                  <c:v>577185.13462353905</c:v>
                </c:pt>
                <c:pt idx="13562">
                  <c:v>577185.13462353905</c:v>
                </c:pt>
                <c:pt idx="13563">
                  <c:v>577185.13462353905</c:v>
                </c:pt>
                <c:pt idx="13564">
                  <c:v>577185.13462353905</c:v>
                </c:pt>
                <c:pt idx="13565">
                  <c:v>577185.13462353905</c:v>
                </c:pt>
                <c:pt idx="13566">
                  <c:v>577185.13462353905</c:v>
                </c:pt>
                <c:pt idx="13567">
                  <c:v>577185.13462353905</c:v>
                </c:pt>
                <c:pt idx="13568">
                  <c:v>577185.13462353905</c:v>
                </c:pt>
                <c:pt idx="13569">
                  <c:v>577185.13462353905</c:v>
                </c:pt>
                <c:pt idx="13570">
                  <c:v>577185.13462353905</c:v>
                </c:pt>
                <c:pt idx="13571">
                  <c:v>577185.13462353905</c:v>
                </c:pt>
                <c:pt idx="13572">
                  <c:v>577185.13462353905</c:v>
                </c:pt>
                <c:pt idx="13573">
                  <c:v>577185.13462353905</c:v>
                </c:pt>
                <c:pt idx="13574">
                  <c:v>577185.13462353905</c:v>
                </c:pt>
                <c:pt idx="13575">
                  <c:v>577185.13462353905</c:v>
                </c:pt>
                <c:pt idx="13576">
                  <c:v>577185.13462353905</c:v>
                </c:pt>
                <c:pt idx="13577">
                  <c:v>577185.13462353905</c:v>
                </c:pt>
                <c:pt idx="13578">
                  <c:v>577185.13462353905</c:v>
                </c:pt>
                <c:pt idx="13579">
                  <c:v>577185.13462353905</c:v>
                </c:pt>
                <c:pt idx="13580">
                  <c:v>577185.13462353905</c:v>
                </c:pt>
                <c:pt idx="13581">
                  <c:v>577185.13462353905</c:v>
                </c:pt>
                <c:pt idx="13582">
                  <c:v>578315.84310888697</c:v>
                </c:pt>
                <c:pt idx="13583">
                  <c:v>578315.84310888697</c:v>
                </c:pt>
                <c:pt idx="13584">
                  <c:v>578315.84310888697</c:v>
                </c:pt>
                <c:pt idx="13585">
                  <c:v>578315.84310888697</c:v>
                </c:pt>
                <c:pt idx="13586">
                  <c:v>578315.84310888697</c:v>
                </c:pt>
                <c:pt idx="13587">
                  <c:v>578315.84310888697</c:v>
                </c:pt>
                <c:pt idx="13588">
                  <c:v>578402.98525543301</c:v>
                </c:pt>
                <c:pt idx="13589">
                  <c:v>578402.98525543301</c:v>
                </c:pt>
                <c:pt idx="13590">
                  <c:v>578402.98525543301</c:v>
                </c:pt>
                <c:pt idx="13591">
                  <c:v>578402.98525543301</c:v>
                </c:pt>
                <c:pt idx="13592">
                  <c:v>578402.98525543301</c:v>
                </c:pt>
                <c:pt idx="13593">
                  <c:v>578402.98525543301</c:v>
                </c:pt>
                <c:pt idx="13594">
                  <c:v>578402.98525543301</c:v>
                </c:pt>
                <c:pt idx="13595">
                  <c:v>578402.98525543301</c:v>
                </c:pt>
                <c:pt idx="13596">
                  <c:v>578402.98525543301</c:v>
                </c:pt>
                <c:pt idx="13597">
                  <c:v>578402.98525543301</c:v>
                </c:pt>
                <c:pt idx="13598">
                  <c:v>578402.98525543301</c:v>
                </c:pt>
                <c:pt idx="13599">
                  <c:v>578402.98525543301</c:v>
                </c:pt>
                <c:pt idx="13600">
                  <c:v>578402.98525543301</c:v>
                </c:pt>
                <c:pt idx="13601">
                  <c:v>578402.98525543301</c:v>
                </c:pt>
                <c:pt idx="13602">
                  <c:v>578402.98525543301</c:v>
                </c:pt>
                <c:pt idx="13603">
                  <c:v>578402.98525543301</c:v>
                </c:pt>
                <c:pt idx="13604">
                  <c:v>578840.79485346004</c:v>
                </c:pt>
                <c:pt idx="13605">
                  <c:v>578840.79485346004</c:v>
                </c:pt>
                <c:pt idx="13606">
                  <c:v>578840.79485346004</c:v>
                </c:pt>
                <c:pt idx="13607">
                  <c:v>578840.79485346004</c:v>
                </c:pt>
                <c:pt idx="13608">
                  <c:v>578840.79485346004</c:v>
                </c:pt>
                <c:pt idx="13609">
                  <c:v>578840.79485346004</c:v>
                </c:pt>
                <c:pt idx="13610">
                  <c:v>578840.79485346004</c:v>
                </c:pt>
                <c:pt idx="13611">
                  <c:v>578840.79485346004</c:v>
                </c:pt>
                <c:pt idx="13612">
                  <c:v>578840.79485346004</c:v>
                </c:pt>
                <c:pt idx="13613">
                  <c:v>578840.79485346004</c:v>
                </c:pt>
                <c:pt idx="13614">
                  <c:v>578840.79485346004</c:v>
                </c:pt>
                <c:pt idx="13615">
                  <c:v>578840.79485346004</c:v>
                </c:pt>
                <c:pt idx="13616">
                  <c:v>578840.79485346004</c:v>
                </c:pt>
                <c:pt idx="13617">
                  <c:v>578840.79485346004</c:v>
                </c:pt>
                <c:pt idx="13618">
                  <c:v>578840.79485346004</c:v>
                </c:pt>
                <c:pt idx="13619">
                  <c:v>578840.79485346004</c:v>
                </c:pt>
                <c:pt idx="13620">
                  <c:v>578840.79485346004</c:v>
                </c:pt>
                <c:pt idx="13621">
                  <c:v>578840.79485346004</c:v>
                </c:pt>
                <c:pt idx="13622">
                  <c:v>578840.79485346004</c:v>
                </c:pt>
                <c:pt idx="13623">
                  <c:v>578840.79485346004</c:v>
                </c:pt>
                <c:pt idx="13624">
                  <c:v>578840.79485346004</c:v>
                </c:pt>
                <c:pt idx="13625">
                  <c:v>578840.79485346004</c:v>
                </c:pt>
                <c:pt idx="13626">
                  <c:v>578840.79485346004</c:v>
                </c:pt>
                <c:pt idx="13627">
                  <c:v>578840.79485346004</c:v>
                </c:pt>
                <c:pt idx="13628">
                  <c:v>578840.79485346004</c:v>
                </c:pt>
                <c:pt idx="13629">
                  <c:v>578840.79485346004</c:v>
                </c:pt>
                <c:pt idx="13630">
                  <c:v>578840.79485346004</c:v>
                </c:pt>
                <c:pt idx="13631">
                  <c:v>578840.79485346004</c:v>
                </c:pt>
                <c:pt idx="13632">
                  <c:v>578840.79485346004</c:v>
                </c:pt>
                <c:pt idx="13633">
                  <c:v>578840.79485346004</c:v>
                </c:pt>
                <c:pt idx="13634">
                  <c:v>578840.79485346004</c:v>
                </c:pt>
                <c:pt idx="13635">
                  <c:v>578840.79485346004</c:v>
                </c:pt>
                <c:pt idx="13636">
                  <c:v>578840.79485346004</c:v>
                </c:pt>
                <c:pt idx="13637">
                  <c:v>578840.79485346004</c:v>
                </c:pt>
                <c:pt idx="13638">
                  <c:v>578840.79485346004</c:v>
                </c:pt>
                <c:pt idx="13639">
                  <c:v>578840.79485346004</c:v>
                </c:pt>
                <c:pt idx="13640">
                  <c:v>578840.79485346004</c:v>
                </c:pt>
                <c:pt idx="13641">
                  <c:v>578840.79485346004</c:v>
                </c:pt>
                <c:pt idx="13642">
                  <c:v>578840.79485346004</c:v>
                </c:pt>
                <c:pt idx="13643">
                  <c:v>578840.79485346004</c:v>
                </c:pt>
                <c:pt idx="13644">
                  <c:v>578840.79485346004</c:v>
                </c:pt>
                <c:pt idx="13645">
                  <c:v>580474.45549031603</c:v>
                </c:pt>
                <c:pt idx="13646">
                  <c:v>580703.51006303995</c:v>
                </c:pt>
                <c:pt idx="13647">
                  <c:v>580703.51006303995</c:v>
                </c:pt>
                <c:pt idx="13648">
                  <c:v>580703.51006303995</c:v>
                </c:pt>
                <c:pt idx="13649">
                  <c:v>580703.51006303995</c:v>
                </c:pt>
                <c:pt idx="13650">
                  <c:v>580703.51006303995</c:v>
                </c:pt>
                <c:pt idx="13651">
                  <c:v>581196.62726041302</c:v>
                </c:pt>
                <c:pt idx="13652">
                  <c:v>581196.62726041302</c:v>
                </c:pt>
                <c:pt idx="13653">
                  <c:v>581196.62726041302</c:v>
                </c:pt>
                <c:pt idx="13654">
                  <c:v>581196.62726041302</c:v>
                </c:pt>
                <c:pt idx="13655">
                  <c:v>581196.62726041302</c:v>
                </c:pt>
                <c:pt idx="13656">
                  <c:v>581196.62726041302</c:v>
                </c:pt>
                <c:pt idx="13657">
                  <c:v>581196.62726041302</c:v>
                </c:pt>
                <c:pt idx="13658">
                  <c:v>581196.62726041302</c:v>
                </c:pt>
                <c:pt idx="13659">
                  <c:v>581196.62726041302</c:v>
                </c:pt>
                <c:pt idx="13660">
                  <c:v>581196.62726041302</c:v>
                </c:pt>
                <c:pt idx="13661">
                  <c:v>581196.62726041302</c:v>
                </c:pt>
                <c:pt idx="13662">
                  <c:v>581196.62726041302</c:v>
                </c:pt>
                <c:pt idx="13663">
                  <c:v>581196.62726041302</c:v>
                </c:pt>
                <c:pt idx="13664">
                  <c:v>581196.62726041302</c:v>
                </c:pt>
                <c:pt idx="13665">
                  <c:v>581196.62726041302</c:v>
                </c:pt>
                <c:pt idx="13666">
                  <c:v>581196.62726041302</c:v>
                </c:pt>
                <c:pt idx="13667">
                  <c:v>581196.62726041302</c:v>
                </c:pt>
                <c:pt idx="13668">
                  <c:v>581196.62726041302</c:v>
                </c:pt>
                <c:pt idx="13669">
                  <c:v>581196.62726041302</c:v>
                </c:pt>
                <c:pt idx="13670">
                  <c:v>581196.62726041302</c:v>
                </c:pt>
                <c:pt idx="13671">
                  <c:v>581196.62726041302</c:v>
                </c:pt>
                <c:pt idx="13672">
                  <c:v>581196.62726041302</c:v>
                </c:pt>
                <c:pt idx="13673">
                  <c:v>581196.62726041302</c:v>
                </c:pt>
                <c:pt idx="13674">
                  <c:v>581196.62726041302</c:v>
                </c:pt>
                <c:pt idx="13675">
                  <c:v>581196.62726041302</c:v>
                </c:pt>
                <c:pt idx="13676">
                  <c:v>581196.62726041302</c:v>
                </c:pt>
                <c:pt idx="13677">
                  <c:v>581196.62726041302</c:v>
                </c:pt>
                <c:pt idx="13678">
                  <c:v>581196.62726041302</c:v>
                </c:pt>
                <c:pt idx="13679">
                  <c:v>581196.62726041302</c:v>
                </c:pt>
                <c:pt idx="13680">
                  <c:v>581196.62726041302</c:v>
                </c:pt>
                <c:pt idx="13681">
                  <c:v>581196.62726041302</c:v>
                </c:pt>
                <c:pt idx="13682">
                  <c:v>581196.62726041302</c:v>
                </c:pt>
                <c:pt idx="13683">
                  <c:v>581196.62726041302</c:v>
                </c:pt>
                <c:pt idx="13684">
                  <c:v>581196.62726041302</c:v>
                </c:pt>
                <c:pt idx="13685">
                  <c:v>581196.62726041302</c:v>
                </c:pt>
                <c:pt idx="13686">
                  <c:v>581196.62726041302</c:v>
                </c:pt>
                <c:pt idx="13687">
                  <c:v>581196.62726041302</c:v>
                </c:pt>
                <c:pt idx="13688">
                  <c:v>581196.62726041302</c:v>
                </c:pt>
                <c:pt idx="13689">
                  <c:v>581196.62726041302</c:v>
                </c:pt>
                <c:pt idx="13690">
                  <c:v>581196.62726041302</c:v>
                </c:pt>
                <c:pt idx="13691">
                  <c:v>581196.62726041302</c:v>
                </c:pt>
                <c:pt idx="13692">
                  <c:v>581196.62726041302</c:v>
                </c:pt>
                <c:pt idx="13693">
                  <c:v>581196.62726041302</c:v>
                </c:pt>
                <c:pt idx="13694">
                  <c:v>581196.62726041302</c:v>
                </c:pt>
                <c:pt idx="13695">
                  <c:v>581196.62726041302</c:v>
                </c:pt>
                <c:pt idx="13696">
                  <c:v>581196.62726041302</c:v>
                </c:pt>
                <c:pt idx="13697">
                  <c:v>581196.62726041302</c:v>
                </c:pt>
                <c:pt idx="13698">
                  <c:v>581196.62726041302</c:v>
                </c:pt>
                <c:pt idx="13699">
                  <c:v>581196.62726041302</c:v>
                </c:pt>
                <c:pt idx="13700">
                  <c:v>581196.62726041302</c:v>
                </c:pt>
                <c:pt idx="13701">
                  <c:v>581196.62726041302</c:v>
                </c:pt>
                <c:pt idx="13702">
                  <c:v>581196.62726041302</c:v>
                </c:pt>
                <c:pt idx="13703">
                  <c:v>581196.62726041302</c:v>
                </c:pt>
                <c:pt idx="13704">
                  <c:v>581196.62726041302</c:v>
                </c:pt>
                <c:pt idx="13705">
                  <c:v>581196.62726041302</c:v>
                </c:pt>
                <c:pt idx="13706">
                  <c:v>581196.62726041302</c:v>
                </c:pt>
                <c:pt idx="13707">
                  <c:v>581196.62726041302</c:v>
                </c:pt>
                <c:pt idx="13708">
                  <c:v>581196.62726041302</c:v>
                </c:pt>
                <c:pt idx="13709">
                  <c:v>581196.62726041302</c:v>
                </c:pt>
                <c:pt idx="13710">
                  <c:v>581196.62726041302</c:v>
                </c:pt>
                <c:pt idx="13711">
                  <c:v>581196.62726041302</c:v>
                </c:pt>
                <c:pt idx="13712">
                  <c:v>581196.62726041302</c:v>
                </c:pt>
                <c:pt idx="13713">
                  <c:v>582141.274332623</c:v>
                </c:pt>
                <c:pt idx="13714">
                  <c:v>582141.274332623</c:v>
                </c:pt>
                <c:pt idx="13715">
                  <c:v>582141.274332623</c:v>
                </c:pt>
                <c:pt idx="13716">
                  <c:v>582141.274332623</c:v>
                </c:pt>
                <c:pt idx="13717">
                  <c:v>582141.274332623</c:v>
                </c:pt>
                <c:pt idx="13718">
                  <c:v>582141.274332623</c:v>
                </c:pt>
                <c:pt idx="13719">
                  <c:v>582141.274332623</c:v>
                </c:pt>
                <c:pt idx="13720">
                  <c:v>582141.274332623</c:v>
                </c:pt>
                <c:pt idx="13721">
                  <c:v>582141.274332623</c:v>
                </c:pt>
                <c:pt idx="13722">
                  <c:v>582141.274332623</c:v>
                </c:pt>
                <c:pt idx="13723">
                  <c:v>582141.274332623</c:v>
                </c:pt>
                <c:pt idx="13724">
                  <c:v>582141.274332623</c:v>
                </c:pt>
                <c:pt idx="13725">
                  <c:v>582141.274332623</c:v>
                </c:pt>
                <c:pt idx="13726">
                  <c:v>582141.274332623</c:v>
                </c:pt>
                <c:pt idx="13727">
                  <c:v>582141.274332623</c:v>
                </c:pt>
                <c:pt idx="13728">
                  <c:v>582141.274332623</c:v>
                </c:pt>
                <c:pt idx="13729">
                  <c:v>582141.274332623</c:v>
                </c:pt>
                <c:pt idx="13730">
                  <c:v>582141.274332623</c:v>
                </c:pt>
                <c:pt idx="13731">
                  <c:v>582141.274332623</c:v>
                </c:pt>
                <c:pt idx="13732">
                  <c:v>582141.274332623</c:v>
                </c:pt>
                <c:pt idx="13733">
                  <c:v>582141.274332623</c:v>
                </c:pt>
                <c:pt idx="13734">
                  <c:v>582141.274332623</c:v>
                </c:pt>
                <c:pt idx="13735">
                  <c:v>582141.274332623</c:v>
                </c:pt>
                <c:pt idx="13736">
                  <c:v>582141.274332623</c:v>
                </c:pt>
                <c:pt idx="13737">
                  <c:v>582141.274332623</c:v>
                </c:pt>
                <c:pt idx="13738">
                  <c:v>582141.274332623</c:v>
                </c:pt>
                <c:pt idx="13739">
                  <c:v>582141.274332623</c:v>
                </c:pt>
                <c:pt idx="13740">
                  <c:v>582141.274332623</c:v>
                </c:pt>
                <c:pt idx="13741">
                  <c:v>582141.274332623</c:v>
                </c:pt>
                <c:pt idx="13742">
                  <c:v>582141.274332623</c:v>
                </c:pt>
                <c:pt idx="13743">
                  <c:v>582141.274332623</c:v>
                </c:pt>
                <c:pt idx="13744">
                  <c:v>582141.274332623</c:v>
                </c:pt>
                <c:pt idx="13745">
                  <c:v>582141.274332623</c:v>
                </c:pt>
                <c:pt idx="13746">
                  <c:v>582141.274332623</c:v>
                </c:pt>
                <c:pt idx="13747">
                  <c:v>582141.274332623</c:v>
                </c:pt>
                <c:pt idx="13748">
                  <c:v>582141.274332623</c:v>
                </c:pt>
                <c:pt idx="13749">
                  <c:v>582141.274332623</c:v>
                </c:pt>
                <c:pt idx="13750">
                  <c:v>582141.274332623</c:v>
                </c:pt>
                <c:pt idx="13751">
                  <c:v>582141.274332623</c:v>
                </c:pt>
                <c:pt idx="13752">
                  <c:v>582141.274332623</c:v>
                </c:pt>
                <c:pt idx="13753">
                  <c:v>582141.274332623</c:v>
                </c:pt>
                <c:pt idx="13754">
                  <c:v>582141.274332623</c:v>
                </c:pt>
                <c:pt idx="13755">
                  <c:v>582141.274332623</c:v>
                </c:pt>
                <c:pt idx="13756">
                  <c:v>582141.274332623</c:v>
                </c:pt>
                <c:pt idx="13757">
                  <c:v>582141.274332623</c:v>
                </c:pt>
                <c:pt idx="13758">
                  <c:v>582141.274332623</c:v>
                </c:pt>
                <c:pt idx="13759">
                  <c:v>582141.274332623</c:v>
                </c:pt>
                <c:pt idx="13760">
                  <c:v>582141.274332623</c:v>
                </c:pt>
                <c:pt idx="13761">
                  <c:v>582299.18416805496</c:v>
                </c:pt>
                <c:pt idx="13762">
                  <c:v>582299.18416805496</c:v>
                </c:pt>
                <c:pt idx="13763">
                  <c:v>582299.18416805496</c:v>
                </c:pt>
                <c:pt idx="13764">
                  <c:v>582299.18416805496</c:v>
                </c:pt>
                <c:pt idx="13765">
                  <c:v>582299.18416805496</c:v>
                </c:pt>
                <c:pt idx="13766">
                  <c:v>582299.18416805496</c:v>
                </c:pt>
                <c:pt idx="13767">
                  <c:v>582299.18416805496</c:v>
                </c:pt>
                <c:pt idx="13768">
                  <c:v>582299.18416805496</c:v>
                </c:pt>
                <c:pt idx="13769">
                  <c:v>582299.18416805496</c:v>
                </c:pt>
                <c:pt idx="13770">
                  <c:v>582299.18416805496</c:v>
                </c:pt>
                <c:pt idx="13771">
                  <c:v>582299.18416805496</c:v>
                </c:pt>
                <c:pt idx="13772">
                  <c:v>582299.18416805496</c:v>
                </c:pt>
                <c:pt idx="13773">
                  <c:v>582299.18416805496</c:v>
                </c:pt>
                <c:pt idx="13774">
                  <c:v>582299.18416805496</c:v>
                </c:pt>
                <c:pt idx="13775">
                  <c:v>582299.18416805496</c:v>
                </c:pt>
                <c:pt idx="13776">
                  <c:v>582299.18416805496</c:v>
                </c:pt>
                <c:pt idx="13777">
                  <c:v>582299.18416805496</c:v>
                </c:pt>
                <c:pt idx="13778">
                  <c:v>582299.18416805496</c:v>
                </c:pt>
                <c:pt idx="13779">
                  <c:v>582299.18416805496</c:v>
                </c:pt>
                <c:pt idx="13780">
                  <c:v>582299.18416805496</c:v>
                </c:pt>
                <c:pt idx="13781">
                  <c:v>582299.18416805496</c:v>
                </c:pt>
                <c:pt idx="13782">
                  <c:v>582299.18416805496</c:v>
                </c:pt>
                <c:pt idx="13783">
                  <c:v>583124.21771095297</c:v>
                </c:pt>
                <c:pt idx="13784">
                  <c:v>583124.21771095297</c:v>
                </c:pt>
                <c:pt idx="13785">
                  <c:v>583124.21771095297</c:v>
                </c:pt>
                <c:pt idx="13786">
                  <c:v>583124.21771095297</c:v>
                </c:pt>
                <c:pt idx="13787">
                  <c:v>583124.21771095297</c:v>
                </c:pt>
                <c:pt idx="13788">
                  <c:v>583124.21771095297</c:v>
                </c:pt>
                <c:pt idx="13789">
                  <c:v>583124.21771095297</c:v>
                </c:pt>
                <c:pt idx="13790">
                  <c:v>583124.21771095297</c:v>
                </c:pt>
                <c:pt idx="13791">
                  <c:v>583124.21771095297</c:v>
                </c:pt>
                <c:pt idx="13792">
                  <c:v>583124.21771095297</c:v>
                </c:pt>
                <c:pt idx="13793">
                  <c:v>583124.21771095297</c:v>
                </c:pt>
                <c:pt idx="13794">
                  <c:v>583124.21771095297</c:v>
                </c:pt>
                <c:pt idx="13795">
                  <c:v>583124.21771095297</c:v>
                </c:pt>
                <c:pt idx="13796">
                  <c:v>583124.21771095297</c:v>
                </c:pt>
                <c:pt idx="13797">
                  <c:v>583124.21771095297</c:v>
                </c:pt>
                <c:pt idx="13798">
                  <c:v>583124.21771095297</c:v>
                </c:pt>
                <c:pt idx="13799">
                  <c:v>583124.21771095297</c:v>
                </c:pt>
                <c:pt idx="13800">
                  <c:v>583124.21771095297</c:v>
                </c:pt>
                <c:pt idx="13801">
                  <c:v>583124.21771095297</c:v>
                </c:pt>
                <c:pt idx="13802">
                  <c:v>583124.21771095297</c:v>
                </c:pt>
                <c:pt idx="13803">
                  <c:v>583124.21771095297</c:v>
                </c:pt>
                <c:pt idx="13804">
                  <c:v>583124.21771095297</c:v>
                </c:pt>
                <c:pt idx="13805">
                  <c:v>583124.21771095297</c:v>
                </c:pt>
                <c:pt idx="13806">
                  <c:v>583124.21771095297</c:v>
                </c:pt>
                <c:pt idx="13807">
                  <c:v>583124.21771095297</c:v>
                </c:pt>
                <c:pt idx="13808">
                  <c:v>583124.21771095297</c:v>
                </c:pt>
                <c:pt idx="13809">
                  <c:v>583432.48543111596</c:v>
                </c:pt>
                <c:pt idx="13810">
                  <c:v>583432.48543111596</c:v>
                </c:pt>
                <c:pt idx="13811">
                  <c:v>583432.48543111596</c:v>
                </c:pt>
                <c:pt idx="13812">
                  <c:v>583432.48543111596</c:v>
                </c:pt>
                <c:pt idx="13813">
                  <c:v>583432.48543111596</c:v>
                </c:pt>
                <c:pt idx="13814">
                  <c:v>583432.48543111596</c:v>
                </c:pt>
                <c:pt idx="13815">
                  <c:v>583432.48543111596</c:v>
                </c:pt>
                <c:pt idx="13816">
                  <c:v>583432.48543111596</c:v>
                </c:pt>
                <c:pt idx="13817">
                  <c:v>583432.48543111596</c:v>
                </c:pt>
                <c:pt idx="13818">
                  <c:v>583432.48543111596</c:v>
                </c:pt>
                <c:pt idx="13819">
                  <c:v>583432.48543111596</c:v>
                </c:pt>
                <c:pt idx="13820">
                  <c:v>583432.48543111596</c:v>
                </c:pt>
                <c:pt idx="13821">
                  <c:v>583432.48543111596</c:v>
                </c:pt>
                <c:pt idx="13822">
                  <c:v>583432.48543111596</c:v>
                </c:pt>
                <c:pt idx="13823">
                  <c:v>583432.48543111596</c:v>
                </c:pt>
                <c:pt idx="13824">
                  <c:v>583432.48543111596</c:v>
                </c:pt>
                <c:pt idx="13825">
                  <c:v>583432.48543111596</c:v>
                </c:pt>
                <c:pt idx="13826">
                  <c:v>583700.72569170198</c:v>
                </c:pt>
                <c:pt idx="13827">
                  <c:v>583700.72569170198</c:v>
                </c:pt>
                <c:pt idx="13828">
                  <c:v>583700.72569170198</c:v>
                </c:pt>
                <c:pt idx="13829">
                  <c:v>583700.72569170198</c:v>
                </c:pt>
                <c:pt idx="13830">
                  <c:v>583700.72569170198</c:v>
                </c:pt>
                <c:pt idx="13831">
                  <c:v>583700.72569170198</c:v>
                </c:pt>
                <c:pt idx="13832">
                  <c:v>584187.06192812603</c:v>
                </c:pt>
                <c:pt idx="13833">
                  <c:v>584187.06192812603</c:v>
                </c:pt>
                <c:pt idx="13834">
                  <c:v>584187.06192812603</c:v>
                </c:pt>
                <c:pt idx="13835">
                  <c:v>584187.06192812603</c:v>
                </c:pt>
                <c:pt idx="13836">
                  <c:v>584187.06192812603</c:v>
                </c:pt>
                <c:pt idx="13837">
                  <c:v>584187.06192812603</c:v>
                </c:pt>
                <c:pt idx="13838">
                  <c:v>584187.06192812603</c:v>
                </c:pt>
                <c:pt idx="13839">
                  <c:v>584187.06192812603</c:v>
                </c:pt>
                <c:pt idx="13840">
                  <c:v>584187.06192812603</c:v>
                </c:pt>
                <c:pt idx="13841">
                  <c:v>584187.06192812603</c:v>
                </c:pt>
                <c:pt idx="13842">
                  <c:v>584386.88640728896</c:v>
                </c:pt>
                <c:pt idx="13843">
                  <c:v>584386.88640728896</c:v>
                </c:pt>
                <c:pt idx="13844">
                  <c:v>584386.88640728896</c:v>
                </c:pt>
                <c:pt idx="13845">
                  <c:v>584386.88640728896</c:v>
                </c:pt>
                <c:pt idx="13846">
                  <c:v>584386.88640728896</c:v>
                </c:pt>
                <c:pt idx="13847">
                  <c:v>584386.88640728896</c:v>
                </c:pt>
                <c:pt idx="13848">
                  <c:v>584386.88640728896</c:v>
                </c:pt>
                <c:pt idx="13849">
                  <c:v>584386.88640728896</c:v>
                </c:pt>
                <c:pt idx="13850">
                  <c:v>584386.88640728896</c:v>
                </c:pt>
                <c:pt idx="13851">
                  <c:v>584386.88640728896</c:v>
                </c:pt>
                <c:pt idx="13852">
                  <c:v>584386.88640728896</c:v>
                </c:pt>
                <c:pt idx="13853">
                  <c:v>584386.88640728896</c:v>
                </c:pt>
                <c:pt idx="13854">
                  <c:v>584386.88640728896</c:v>
                </c:pt>
                <c:pt idx="13855">
                  <c:v>584386.88640728896</c:v>
                </c:pt>
                <c:pt idx="13856">
                  <c:v>584386.88640728896</c:v>
                </c:pt>
                <c:pt idx="13857">
                  <c:v>584386.88640728896</c:v>
                </c:pt>
                <c:pt idx="13858">
                  <c:v>584386.88640728896</c:v>
                </c:pt>
                <c:pt idx="13859">
                  <c:v>584386.88640728896</c:v>
                </c:pt>
                <c:pt idx="13860">
                  <c:v>584386.88640728896</c:v>
                </c:pt>
                <c:pt idx="13861">
                  <c:v>584386.88640728896</c:v>
                </c:pt>
                <c:pt idx="13862">
                  <c:v>584386.88640728896</c:v>
                </c:pt>
                <c:pt idx="13863">
                  <c:v>584532.24734571204</c:v>
                </c:pt>
                <c:pt idx="13864">
                  <c:v>584532.24734571204</c:v>
                </c:pt>
                <c:pt idx="13865">
                  <c:v>584532.24734571204</c:v>
                </c:pt>
                <c:pt idx="13866">
                  <c:v>584532.24734571204</c:v>
                </c:pt>
                <c:pt idx="13867">
                  <c:v>584532.24734571204</c:v>
                </c:pt>
                <c:pt idx="13868">
                  <c:v>584532.24734571204</c:v>
                </c:pt>
                <c:pt idx="13869">
                  <c:v>584532.24734571204</c:v>
                </c:pt>
                <c:pt idx="13870">
                  <c:v>584532.24734571204</c:v>
                </c:pt>
                <c:pt idx="13871">
                  <c:v>584532.24734571204</c:v>
                </c:pt>
                <c:pt idx="13872">
                  <c:v>584532.24734571204</c:v>
                </c:pt>
                <c:pt idx="13873">
                  <c:v>584532.24734571204</c:v>
                </c:pt>
                <c:pt idx="13874">
                  <c:v>584532.24734571204</c:v>
                </c:pt>
                <c:pt idx="13875">
                  <c:v>584532.24734571204</c:v>
                </c:pt>
                <c:pt idx="13876">
                  <c:v>584532.24734571204</c:v>
                </c:pt>
                <c:pt idx="13877">
                  <c:v>584532.24734571204</c:v>
                </c:pt>
                <c:pt idx="13878">
                  <c:v>584532.24734571204</c:v>
                </c:pt>
                <c:pt idx="13879">
                  <c:v>584532.24734571204</c:v>
                </c:pt>
                <c:pt idx="13880">
                  <c:v>584532.24734571204</c:v>
                </c:pt>
                <c:pt idx="13881">
                  <c:v>584532.24734571204</c:v>
                </c:pt>
                <c:pt idx="13882">
                  <c:v>584532.24734571204</c:v>
                </c:pt>
                <c:pt idx="13883">
                  <c:v>584532.24734571204</c:v>
                </c:pt>
                <c:pt idx="13884">
                  <c:v>584532.24734571204</c:v>
                </c:pt>
                <c:pt idx="13885">
                  <c:v>584865.94289213</c:v>
                </c:pt>
                <c:pt idx="13886">
                  <c:v>585115.52658672095</c:v>
                </c:pt>
                <c:pt idx="13887">
                  <c:v>585115.52658672095</c:v>
                </c:pt>
                <c:pt idx="13888">
                  <c:v>585115.52658672095</c:v>
                </c:pt>
                <c:pt idx="13889">
                  <c:v>585115.52658672095</c:v>
                </c:pt>
                <c:pt idx="13890">
                  <c:v>585115.52658672095</c:v>
                </c:pt>
                <c:pt idx="13891">
                  <c:v>585115.52658672095</c:v>
                </c:pt>
                <c:pt idx="13892">
                  <c:v>585115.52658672095</c:v>
                </c:pt>
                <c:pt idx="13893">
                  <c:v>585115.52658672095</c:v>
                </c:pt>
                <c:pt idx="13894">
                  <c:v>585115.52658672095</c:v>
                </c:pt>
                <c:pt idx="13895">
                  <c:v>585115.52658672095</c:v>
                </c:pt>
                <c:pt idx="13896">
                  <c:v>585115.52658672095</c:v>
                </c:pt>
                <c:pt idx="13897">
                  <c:v>585115.52658672095</c:v>
                </c:pt>
                <c:pt idx="13898">
                  <c:v>585115.52658672095</c:v>
                </c:pt>
                <c:pt idx="13899">
                  <c:v>585115.52658672095</c:v>
                </c:pt>
                <c:pt idx="13900">
                  <c:v>585115.52658672095</c:v>
                </c:pt>
                <c:pt idx="13901">
                  <c:v>585115.52658672095</c:v>
                </c:pt>
                <c:pt idx="13902">
                  <c:v>585115.52658672095</c:v>
                </c:pt>
                <c:pt idx="13903">
                  <c:v>585115.52658672095</c:v>
                </c:pt>
                <c:pt idx="13904">
                  <c:v>585115.52658672095</c:v>
                </c:pt>
                <c:pt idx="13905">
                  <c:v>585115.52658672095</c:v>
                </c:pt>
                <c:pt idx="13906">
                  <c:v>585115.52658672095</c:v>
                </c:pt>
                <c:pt idx="13907">
                  <c:v>585115.52658672095</c:v>
                </c:pt>
                <c:pt idx="13908">
                  <c:v>585115.52658672095</c:v>
                </c:pt>
                <c:pt idx="13909">
                  <c:v>585115.52658672095</c:v>
                </c:pt>
                <c:pt idx="13910">
                  <c:v>585115.52658672095</c:v>
                </c:pt>
                <c:pt idx="13911">
                  <c:v>585115.52658672095</c:v>
                </c:pt>
                <c:pt idx="13912">
                  <c:v>585115.52658672095</c:v>
                </c:pt>
                <c:pt idx="13913">
                  <c:v>585115.52658672095</c:v>
                </c:pt>
                <c:pt idx="13914">
                  <c:v>585115.52658672095</c:v>
                </c:pt>
                <c:pt idx="13915">
                  <c:v>585115.52658672095</c:v>
                </c:pt>
                <c:pt idx="13916">
                  <c:v>585115.52658672095</c:v>
                </c:pt>
                <c:pt idx="13917">
                  <c:v>585115.52658672095</c:v>
                </c:pt>
                <c:pt idx="13918">
                  <c:v>585115.52658672095</c:v>
                </c:pt>
                <c:pt idx="13919">
                  <c:v>585115.52658672095</c:v>
                </c:pt>
                <c:pt idx="13920">
                  <c:v>585115.52658672095</c:v>
                </c:pt>
                <c:pt idx="13921">
                  <c:v>585115.52658672095</c:v>
                </c:pt>
                <c:pt idx="13922">
                  <c:v>585115.52658672095</c:v>
                </c:pt>
                <c:pt idx="13923">
                  <c:v>585115.52658672095</c:v>
                </c:pt>
                <c:pt idx="13924">
                  <c:v>585115.52658672095</c:v>
                </c:pt>
                <c:pt idx="13925">
                  <c:v>585115.52658672095</c:v>
                </c:pt>
                <c:pt idx="13926">
                  <c:v>585115.52658672095</c:v>
                </c:pt>
                <c:pt idx="13927">
                  <c:v>585115.52658672095</c:v>
                </c:pt>
                <c:pt idx="13928">
                  <c:v>585115.52658672095</c:v>
                </c:pt>
                <c:pt idx="13929">
                  <c:v>585115.52658672095</c:v>
                </c:pt>
                <c:pt idx="13930">
                  <c:v>585115.52658672095</c:v>
                </c:pt>
                <c:pt idx="13931">
                  <c:v>585115.52658672095</c:v>
                </c:pt>
                <c:pt idx="13932">
                  <c:v>585115.52658672095</c:v>
                </c:pt>
                <c:pt idx="13933">
                  <c:v>585115.52658672095</c:v>
                </c:pt>
                <c:pt idx="13934">
                  <c:v>585115.52658672095</c:v>
                </c:pt>
                <c:pt idx="13935">
                  <c:v>585115.52658672095</c:v>
                </c:pt>
                <c:pt idx="13936">
                  <c:v>585115.52658672095</c:v>
                </c:pt>
                <c:pt idx="13937">
                  <c:v>585115.52658672095</c:v>
                </c:pt>
                <c:pt idx="13938">
                  <c:v>585115.52658672095</c:v>
                </c:pt>
                <c:pt idx="13939">
                  <c:v>585115.52658672095</c:v>
                </c:pt>
                <c:pt idx="13940">
                  <c:v>585115.52658672095</c:v>
                </c:pt>
                <c:pt idx="13941">
                  <c:v>585115.52658672095</c:v>
                </c:pt>
                <c:pt idx="13942">
                  <c:v>585115.52658672095</c:v>
                </c:pt>
                <c:pt idx="13943">
                  <c:v>585115.52658672095</c:v>
                </c:pt>
                <c:pt idx="13944">
                  <c:v>585115.52658672095</c:v>
                </c:pt>
                <c:pt idx="13945">
                  <c:v>585115.52658672095</c:v>
                </c:pt>
                <c:pt idx="13946">
                  <c:v>585115.52658672095</c:v>
                </c:pt>
                <c:pt idx="13947">
                  <c:v>585115.52658672095</c:v>
                </c:pt>
                <c:pt idx="13948">
                  <c:v>585115.52658672095</c:v>
                </c:pt>
                <c:pt idx="13949">
                  <c:v>585115.52658672095</c:v>
                </c:pt>
                <c:pt idx="13950">
                  <c:v>585115.52658672095</c:v>
                </c:pt>
                <c:pt idx="13951">
                  <c:v>585115.52658672095</c:v>
                </c:pt>
                <c:pt idx="13952">
                  <c:v>585866.87008551403</c:v>
                </c:pt>
                <c:pt idx="13953">
                  <c:v>585866.87008551403</c:v>
                </c:pt>
                <c:pt idx="13954">
                  <c:v>585866.87008551403</c:v>
                </c:pt>
                <c:pt idx="13955">
                  <c:v>585866.87008551403</c:v>
                </c:pt>
                <c:pt idx="13956">
                  <c:v>585866.87008551403</c:v>
                </c:pt>
                <c:pt idx="13957">
                  <c:v>585866.87008551403</c:v>
                </c:pt>
                <c:pt idx="13958">
                  <c:v>585866.87008551403</c:v>
                </c:pt>
                <c:pt idx="13959">
                  <c:v>586551.086687634</c:v>
                </c:pt>
                <c:pt idx="13960">
                  <c:v>586551.086687634</c:v>
                </c:pt>
                <c:pt idx="13961">
                  <c:v>586551.086687634</c:v>
                </c:pt>
                <c:pt idx="13962">
                  <c:v>586551.086687634</c:v>
                </c:pt>
                <c:pt idx="13963">
                  <c:v>586551.086687634</c:v>
                </c:pt>
                <c:pt idx="13964">
                  <c:v>586551.086687634</c:v>
                </c:pt>
                <c:pt idx="13965">
                  <c:v>586551.086687634</c:v>
                </c:pt>
                <c:pt idx="13966">
                  <c:v>586551.086687634</c:v>
                </c:pt>
                <c:pt idx="13967">
                  <c:v>586551.086687634</c:v>
                </c:pt>
                <c:pt idx="13968">
                  <c:v>586551.086687634</c:v>
                </c:pt>
                <c:pt idx="13969">
                  <c:v>586551.086687634</c:v>
                </c:pt>
                <c:pt idx="13970">
                  <c:v>586551.086687634</c:v>
                </c:pt>
                <c:pt idx="13971">
                  <c:v>586551.086687634</c:v>
                </c:pt>
                <c:pt idx="13972">
                  <c:v>586551.086687634</c:v>
                </c:pt>
                <c:pt idx="13973">
                  <c:v>586551.086687634</c:v>
                </c:pt>
                <c:pt idx="13974">
                  <c:v>586551.086687634</c:v>
                </c:pt>
                <c:pt idx="13975">
                  <c:v>586551.086687634</c:v>
                </c:pt>
                <c:pt idx="13976">
                  <c:v>586551.086687634</c:v>
                </c:pt>
                <c:pt idx="13977">
                  <c:v>586551.086687634</c:v>
                </c:pt>
                <c:pt idx="13978">
                  <c:v>586551.086687634</c:v>
                </c:pt>
                <c:pt idx="13979">
                  <c:v>586551.086687634</c:v>
                </c:pt>
                <c:pt idx="13980">
                  <c:v>586551.086687634</c:v>
                </c:pt>
                <c:pt idx="13981">
                  <c:v>586551.086687634</c:v>
                </c:pt>
                <c:pt idx="13982">
                  <c:v>586551.086687634</c:v>
                </c:pt>
                <c:pt idx="13983">
                  <c:v>586551.086687634</c:v>
                </c:pt>
                <c:pt idx="13984">
                  <c:v>586551.086687634</c:v>
                </c:pt>
                <c:pt idx="13985">
                  <c:v>586551.086687634</c:v>
                </c:pt>
                <c:pt idx="13986">
                  <c:v>586551.086687634</c:v>
                </c:pt>
                <c:pt idx="13987">
                  <c:v>586551.086687634</c:v>
                </c:pt>
                <c:pt idx="13988">
                  <c:v>586551.086687634</c:v>
                </c:pt>
                <c:pt idx="13989">
                  <c:v>586551.086687634</c:v>
                </c:pt>
                <c:pt idx="13990">
                  <c:v>586551.086687634</c:v>
                </c:pt>
                <c:pt idx="13991">
                  <c:v>586551.086687634</c:v>
                </c:pt>
                <c:pt idx="13992">
                  <c:v>586551.086687634</c:v>
                </c:pt>
                <c:pt idx="13993">
                  <c:v>586551.086687634</c:v>
                </c:pt>
                <c:pt idx="13994">
                  <c:v>586551.086687634</c:v>
                </c:pt>
                <c:pt idx="13995">
                  <c:v>586551.086687634</c:v>
                </c:pt>
                <c:pt idx="13996">
                  <c:v>586551.086687634</c:v>
                </c:pt>
                <c:pt idx="13997">
                  <c:v>586551.086687634</c:v>
                </c:pt>
                <c:pt idx="13998">
                  <c:v>586551.086687634</c:v>
                </c:pt>
                <c:pt idx="13999">
                  <c:v>586551.086687634</c:v>
                </c:pt>
                <c:pt idx="14000">
                  <c:v>586551.086687634</c:v>
                </c:pt>
                <c:pt idx="14001">
                  <c:v>586551.086687634</c:v>
                </c:pt>
                <c:pt idx="14002">
                  <c:v>586551.086687634</c:v>
                </c:pt>
                <c:pt idx="14003">
                  <c:v>586551.086687634</c:v>
                </c:pt>
                <c:pt idx="14004">
                  <c:v>586551.086687634</c:v>
                </c:pt>
                <c:pt idx="14005">
                  <c:v>586551.086687634</c:v>
                </c:pt>
                <c:pt idx="14006">
                  <c:v>586551.086687634</c:v>
                </c:pt>
                <c:pt idx="14007">
                  <c:v>586551.086687634</c:v>
                </c:pt>
                <c:pt idx="14008">
                  <c:v>586551.086687634</c:v>
                </c:pt>
                <c:pt idx="14009">
                  <c:v>586551.086687634</c:v>
                </c:pt>
                <c:pt idx="14010">
                  <c:v>586551.086687634</c:v>
                </c:pt>
                <c:pt idx="14011">
                  <c:v>586551.086687634</c:v>
                </c:pt>
                <c:pt idx="14012">
                  <c:v>586551.086687634</c:v>
                </c:pt>
                <c:pt idx="14013">
                  <c:v>586551.086687634</c:v>
                </c:pt>
                <c:pt idx="14014">
                  <c:v>586551.086687634</c:v>
                </c:pt>
                <c:pt idx="14015">
                  <c:v>586551.086687634</c:v>
                </c:pt>
                <c:pt idx="14016">
                  <c:v>586551.086687634</c:v>
                </c:pt>
                <c:pt idx="14017">
                  <c:v>586551.086687634</c:v>
                </c:pt>
                <c:pt idx="14018">
                  <c:v>586551.086687634</c:v>
                </c:pt>
                <c:pt idx="14019">
                  <c:v>586551.086687634</c:v>
                </c:pt>
                <c:pt idx="14020">
                  <c:v>586621.86944115395</c:v>
                </c:pt>
                <c:pt idx="14021">
                  <c:v>586621.86944115395</c:v>
                </c:pt>
                <c:pt idx="14022">
                  <c:v>586621.86944115395</c:v>
                </c:pt>
                <c:pt idx="14023">
                  <c:v>586621.86944115395</c:v>
                </c:pt>
                <c:pt idx="14024">
                  <c:v>586621.86944115395</c:v>
                </c:pt>
                <c:pt idx="14025">
                  <c:v>586621.86944115395</c:v>
                </c:pt>
                <c:pt idx="14026">
                  <c:v>586621.86944115395</c:v>
                </c:pt>
                <c:pt idx="14027">
                  <c:v>586621.86944115395</c:v>
                </c:pt>
                <c:pt idx="14028">
                  <c:v>586621.86944115395</c:v>
                </c:pt>
                <c:pt idx="14029">
                  <c:v>586621.86944115395</c:v>
                </c:pt>
                <c:pt idx="14030">
                  <c:v>586621.86944115395</c:v>
                </c:pt>
                <c:pt idx="14031">
                  <c:v>586621.86944115395</c:v>
                </c:pt>
                <c:pt idx="14032">
                  <c:v>586621.86944115395</c:v>
                </c:pt>
                <c:pt idx="14033">
                  <c:v>586621.86944115395</c:v>
                </c:pt>
                <c:pt idx="14034">
                  <c:v>586621.86944115395</c:v>
                </c:pt>
                <c:pt idx="14035">
                  <c:v>586621.86944115395</c:v>
                </c:pt>
                <c:pt idx="14036">
                  <c:v>586621.86944115395</c:v>
                </c:pt>
                <c:pt idx="14037">
                  <c:v>586621.86944115395</c:v>
                </c:pt>
                <c:pt idx="14038">
                  <c:v>586621.86944115395</c:v>
                </c:pt>
                <c:pt idx="14039">
                  <c:v>586621.86944115395</c:v>
                </c:pt>
                <c:pt idx="14040">
                  <c:v>586621.86944115395</c:v>
                </c:pt>
                <c:pt idx="14041">
                  <c:v>586621.86944115395</c:v>
                </c:pt>
                <c:pt idx="14042">
                  <c:v>586621.86944115395</c:v>
                </c:pt>
                <c:pt idx="14043">
                  <c:v>586621.86944115395</c:v>
                </c:pt>
                <c:pt idx="14044">
                  <c:v>586621.86944115395</c:v>
                </c:pt>
                <c:pt idx="14045">
                  <c:v>586621.86944115395</c:v>
                </c:pt>
                <c:pt idx="14046">
                  <c:v>586621.86944115395</c:v>
                </c:pt>
                <c:pt idx="14047">
                  <c:v>586621.86944115395</c:v>
                </c:pt>
                <c:pt idx="14048">
                  <c:v>586621.86944115395</c:v>
                </c:pt>
                <c:pt idx="14049">
                  <c:v>586621.86944115395</c:v>
                </c:pt>
                <c:pt idx="14050">
                  <c:v>586621.86944115395</c:v>
                </c:pt>
                <c:pt idx="14051">
                  <c:v>586621.86944115395</c:v>
                </c:pt>
                <c:pt idx="14052">
                  <c:v>586621.86944115395</c:v>
                </c:pt>
                <c:pt idx="14053">
                  <c:v>586621.86944115395</c:v>
                </c:pt>
                <c:pt idx="14054">
                  <c:v>586621.86944115395</c:v>
                </c:pt>
                <c:pt idx="14055">
                  <c:v>586621.86944115395</c:v>
                </c:pt>
                <c:pt idx="14056">
                  <c:v>586621.86944115395</c:v>
                </c:pt>
                <c:pt idx="14057">
                  <c:v>586621.86944115395</c:v>
                </c:pt>
                <c:pt idx="14058">
                  <c:v>586621.86944115395</c:v>
                </c:pt>
                <c:pt idx="14059">
                  <c:v>586621.86944115395</c:v>
                </c:pt>
                <c:pt idx="14060">
                  <c:v>586621.86944115395</c:v>
                </c:pt>
                <c:pt idx="14061">
                  <c:v>586621.86944115395</c:v>
                </c:pt>
                <c:pt idx="14062">
                  <c:v>586621.86944115395</c:v>
                </c:pt>
                <c:pt idx="14063">
                  <c:v>586621.86944115395</c:v>
                </c:pt>
                <c:pt idx="14064">
                  <c:v>586621.86944115395</c:v>
                </c:pt>
                <c:pt idx="14065">
                  <c:v>586621.86944115395</c:v>
                </c:pt>
                <c:pt idx="14066">
                  <c:v>586621.86944115395</c:v>
                </c:pt>
                <c:pt idx="14067">
                  <c:v>586621.86944115395</c:v>
                </c:pt>
                <c:pt idx="14068">
                  <c:v>586621.86944115395</c:v>
                </c:pt>
                <c:pt idx="14069">
                  <c:v>586621.86944115395</c:v>
                </c:pt>
                <c:pt idx="14070">
                  <c:v>586621.86944115395</c:v>
                </c:pt>
                <c:pt idx="14071">
                  <c:v>586621.86944115395</c:v>
                </c:pt>
                <c:pt idx="14072">
                  <c:v>586621.86944115395</c:v>
                </c:pt>
                <c:pt idx="14073">
                  <c:v>586621.86944115395</c:v>
                </c:pt>
                <c:pt idx="14074">
                  <c:v>586621.86944115395</c:v>
                </c:pt>
                <c:pt idx="14075">
                  <c:v>586621.86944115395</c:v>
                </c:pt>
                <c:pt idx="14076">
                  <c:v>586621.86944115395</c:v>
                </c:pt>
                <c:pt idx="14077">
                  <c:v>586621.86944115395</c:v>
                </c:pt>
                <c:pt idx="14078">
                  <c:v>586621.86944115395</c:v>
                </c:pt>
                <c:pt idx="14079">
                  <c:v>586621.86944115395</c:v>
                </c:pt>
                <c:pt idx="14080">
                  <c:v>586621.86944115395</c:v>
                </c:pt>
                <c:pt idx="14081">
                  <c:v>586621.86944115395</c:v>
                </c:pt>
                <c:pt idx="14082">
                  <c:v>586621.86944115395</c:v>
                </c:pt>
                <c:pt idx="14083">
                  <c:v>586621.86944115395</c:v>
                </c:pt>
                <c:pt idx="14084">
                  <c:v>586621.86944115395</c:v>
                </c:pt>
                <c:pt idx="14085">
                  <c:v>586621.86944115395</c:v>
                </c:pt>
                <c:pt idx="14086">
                  <c:v>586621.86944115395</c:v>
                </c:pt>
                <c:pt idx="14087">
                  <c:v>586621.86944115395</c:v>
                </c:pt>
                <c:pt idx="14088">
                  <c:v>586621.86944115395</c:v>
                </c:pt>
                <c:pt idx="14089">
                  <c:v>586621.86944115395</c:v>
                </c:pt>
                <c:pt idx="14090">
                  <c:v>586621.86944115395</c:v>
                </c:pt>
                <c:pt idx="14091">
                  <c:v>586621.86944115395</c:v>
                </c:pt>
                <c:pt idx="14092">
                  <c:v>586621.86944115395</c:v>
                </c:pt>
                <c:pt idx="14093">
                  <c:v>586621.86944115395</c:v>
                </c:pt>
                <c:pt idx="14094">
                  <c:v>586621.86944115395</c:v>
                </c:pt>
                <c:pt idx="14095">
                  <c:v>586621.86944115395</c:v>
                </c:pt>
                <c:pt idx="14096">
                  <c:v>586621.86944115395</c:v>
                </c:pt>
                <c:pt idx="14097">
                  <c:v>586621.86944115395</c:v>
                </c:pt>
                <c:pt idx="14098">
                  <c:v>586621.86944115395</c:v>
                </c:pt>
                <c:pt idx="14099">
                  <c:v>586621.86944115395</c:v>
                </c:pt>
                <c:pt idx="14100">
                  <c:v>586621.86944115395</c:v>
                </c:pt>
                <c:pt idx="14101">
                  <c:v>586621.86944115395</c:v>
                </c:pt>
                <c:pt idx="14102">
                  <c:v>586621.86944115395</c:v>
                </c:pt>
                <c:pt idx="14103">
                  <c:v>586621.86944115395</c:v>
                </c:pt>
                <c:pt idx="14104">
                  <c:v>586621.86944115395</c:v>
                </c:pt>
                <c:pt idx="14105">
                  <c:v>586621.86944115395</c:v>
                </c:pt>
                <c:pt idx="14106">
                  <c:v>586621.86944115395</c:v>
                </c:pt>
                <c:pt idx="14107">
                  <c:v>586621.86944115395</c:v>
                </c:pt>
                <c:pt idx="14108">
                  <c:v>586621.86944115395</c:v>
                </c:pt>
                <c:pt idx="14109">
                  <c:v>586621.86944115395</c:v>
                </c:pt>
                <c:pt idx="14110">
                  <c:v>586621.86944115395</c:v>
                </c:pt>
                <c:pt idx="14111">
                  <c:v>586621.86944115395</c:v>
                </c:pt>
                <c:pt idx="14112">
                  <c:v>586621.86944115395</c:v>
                </c:pt>
                <c:pt idx="14113">
                  <c:v>586621.86944115395</c:v>
                </c:pt>
                <c:pt idx="14114">
                  <c:v>586621.86944115395</c:v>
                </c:pt>
                <c:pt idx="14115">
                  <c:v>586621.86944115395</c:v>
                </c:pt>
                <c:pt idx="14116">
                  <c:v>586621.86944115395</c:v>
                </c:pt>
                <c:pt idx="14117">
                  <c:v>586621.86944115395</c:v>
                </c:pt>
                <c:pt idx="14118">
                  <c:v>586621.86944115395</c:v>
                </c:pt>
                <c:pt idx="14119">
                  <c:v>586621.86944115395</c:v>
                </c:pt>
                <c:pt idx="14120">
                  <c:v>586621.86944115395</c:v>
                </c:pt>
                <c:pt idx="14121">
                  <c:v>586621.86944115395</c:v>
                </c:pt>
                <c:pt idx="14122">
                  <c:v>586621.86944115395</c:v>
                </c:pt>
                <c:pt idx="14123">
                  <c:v>586621.86944115395</c:v>
                </c:pt>
                <c:pt idx="14124">
                  <c:v>586621.86944115395</c:v>
                </c:pt>
                <c:pt idx="14125">
                  <c:v>586621.86944115395</c:v>
                </c:pt>
                <c:pt idx="14126">
                  <c:v>586621.86944115395</c:v>
                </c:pt>
                <c:pt idx="14127">
                  <c:v>586621.86944115395</c:v>
                </c:pt>
                <c:pt idx="14128">
                  <c:v>586621.86944115395</c:v>
                </c:pt>
                <c:pt idx="14129">
                  <c:v>586621.86944115395</c:v>
                </c:pt>
                <c:pt idx="14130">
                  <c:v>586621.86944115395</c:v>
                </c:pt>
                <c:pt idx="14131">
                  <c:v>586621.86944115395</c:v>
                </c:pt>
                <c:pt idx="14132">
                  <c:v>586621.86944115395</c:v>
                </c:pt>
                <c:pt idx="14133">
                  <c:v>586621.86944115395</c:v>
                </c:pt>
                <c:pt idx="14134">
                  <c:v>586621.86944115395</c:v>
                </c:pt>
                <c:pt idx="14135">
                  <c:v>586621.86944115395</c:v>
                </c:pt>
                <c:pt idx="14136">
                  <c:v>586621.86944115395</c:v>
                </c:pt>
                <c:pt idx="14137">
                  <c:v>586621.86944115395</c:v>
                </c:pt>
                <c:pt idx="14138">
                  <c:v>586621.86944115395</c:v>
                </c:pt>
                <c:pt idx="14139">
                  <c:v>586621.86944115395</c:v>
                </c:pt>
                <c:pt idx="14140">
                  <c:v>586621.86944115395</c:v>
                </c:pt>
                <c:pt idx="14141">
                  <c:v>586621.86944115395</c:v>
                </c:pt>
                <c:pt idx="14142">
                  <c:v>586621.86944115395</c:v>
                </c:pt>
                <c:pt idx="14143">
                  <c:v>586621.86944115395</c:v>
                </c:pt>
                <c:pt idx="14144">
                  <c:v>586621.86944115395</c:v>
                </c:pt>
                <c:pt idx="14145">
                  <c:v>586621.86944115395</c:v>
                </c:pt>
                <c:pt idx="14146">
                  <c:v>586621.86944115395</c:v>
                </c:pt>
                <c:pt idx="14147">
                  <c:v>586621.86944115395</c:v>
                </c:pt>
                <c:pt idx="14148">
                  <c:v>586621.86944115395</c:v>
                </c:pt>
                <c:pt idx="14149">
                  <c:v>586621.86944115395</c:v>
                </c:pt>
                <c:pt idx="14150">
                  <c:v>586621.86944115395</c:v>
                </c:pt>
                <c:pt idx="14151">
                  <c:v>586621.86944115395</c:v>
                </c:pt>
                <c:pt idx="14152">
                  <c:v>586621.86944115395</c:v>
                </c:pt>
                <c:pt idx="14153">
                  <c:v>586621.86944115395</c:v>
                </c:pt>
                <c:pt idx="14154">
                  <c:v>586621.86944115395</c:v>
                </c:pt>
                <c:pt idx="14155">
                  <c:v>586621.86944115395</c:v>
                </c:pt>
                <c:pt idx="14156">
                  <c:v>586621.86944115395</c:v>
                </c:pt>
                <c:pt idx="14157">
                  <c:v>586621.86944115395</c:v>
                </c:pt>
                <c:pt idx="14158">
                  <c:v>586621.86944115395</c:v>
                </c:pt>
                <c:pt idx="14159">
                  <c:v>586621.86944115395</c:v>
                </c:pt>
                <c:pt idx="14160">
                  <c:v>586621.86944115395</c:v>
                </c:pt>
                <c:pt idx="14161">
                  <c:v>586621.86944115395</c:v>
                </c:pt>
                <c:pt idx="14162">
                  <c:v>586621.86944115395</c:v>
                </c:pt>
                <c:pt idx="14163">
                  <c:v>586621.86944115395</c:v>
                </c:pt>
                <c:pt idx="14164">
                  <c:v>586621.86944115395</c:v>
                </c:pt>
                <c:pt idx="14165">
                  <c:v>586621.86944115395</c:v>
                </c:pt>
                <c:pt idx="14166">
                  <c:v>586621.86944115395</c:v>
                </c:pt>
                <c:pt idx="14167">
                  <c:v>586621.86944115395</c:v>
                </c:pt>
                <c:pt idx="14168">
                  <c:v>586621.86944115395</c:v>
                </c:pt>
                <c:pt idx="14169">
                  <c:v>586621.86944115395</c:v>
                </c:pt>
                <c:pt idx="14170">
                  <c:v>586621.86944115395</c:v>
                </c:pt>
                <c:pt idx="14171">
                  <c:v>586621.86944115395</c:v>
                </c:pt>
                <c:pt idx="14172">
                  <c:v>586621.86944115395</c:v>
                </c:pt>
                <c:pt idx="14173">
                  <c:v>586621.86944115395</c:v>
                </c:pt>
                <c:pt idx="14174">
                  <c:v>586621.86944115395</c:v>
                </c:pt>
                <c:pt idx="14175">
                  <c:v>586621.86944115395</c:v>
                </c:pt>
                <c:pt idx="14176">
                  <c:v>586621.86944115395</c:v>
                </c:pt>
                <c:pt idx="14177">
                  <c:v>586621.86944115395</c:v>
                </c:pt>
                <c:pt idx="14178">
                  <c:v>586621.86944115395</c:v>
                </c:pt>
                <c:pt idx="14179">
                  <c:v>586621.86944115395</c:v>
                </c:pt>
                <c:pt idx="14180">
                  <c:v>586621.86944115395</c:v>
                </c:pt>
                <c:pt idx="14181">
                  <c:v>586621.86944115395</c:v>
                </c:pt>
                <c:pt idx="14182">
                  <c:v>586621.86944115395</c:v>
                </c:pt>
                <c:pt idx="14183">
                  <c:v>586621.86944115395</c:v>
                </c:pt>
                <c:pt idx="14184">
                  <c:v>586707.17732630705</c:v>
                </c:pt>
                <c:pt idx="14185">
                  <c:v>586707.17732630705</c:v>
                </c:pt>
                <c:pt idx="14186">
                  <c:v>586707.17732630705</c:v>
                </c:pt>
                <c:pt idx="14187">
                  <c:v>586707.17732630705</c:v>
                </c:pt>
                <c:pt idx="14188">
                  <c:v>586707.17732630705</c:v>
                </c:pt>
                <c:pt idx="14189">
                  <c:v>586707.17732630705</c:v>
                </c:pt>
                <c:pt idx="14190">
                  <c:v>586707.17732630705</c:v>
                </c:pt>
                <c:pt idx="14191">
                  <c:v>586707.17732630705</c:v>
                </c:pt>
                <c:pt idx="14192">
                  <c:v>586707.17732630705</c:v>
                </c:pt>
                <c:pt idx="14193">
                  <c:v>586707.17732630705</c:v>
                </c:pt>
                <c:pt idx="14194">
                  <c:v>586707.17732630705</c:v>
                </c:pt>
                <c:pt idx="14195">
                  <c:v>586707.17732630705</c:v>
                </c:pt>
                <c:pt idx="14196">
                  <c:v>586707.17732630705</c:v>
                </c:pt>
                <c:pt idx="14197">
                  <c:v>586707.17732630705</c:v>
                </c:pt>
                <c:pt idx="14198">
                  <c:v>586707.17732630705</c:v>
                </c:pt>
                <c:pt idx="14199">
                  <c:v>586707.17732630705</c:v>
                </c:pt>
                <c:pt idx="14200">
                  <c:v>586707.17732630705</c:v>
                </c:pt>
                <c:pt idx="14201">
                  <c:v>586707.17732630705</c:v>
                </c:pt>
                <c:pt idx="14202">
                  <c:v>586707.17732630705</c:v>
                </c:pt>
                <c:pt idx="14203">
                  <c:v>586707.17732630705</c:v>
                </c:pt>
                <c:pt idx="14204">
                  <c:v>586707.17732630705</c:v>
                </c:pt>
                <c:pt idx="14205">
                  <c:v>586707.17732630705</c:v>
                </c:pt>
                <c:pt idx="14206">
                  <c:v>586707.17732630705</c:v>
                </c:pt>
                <c:pt idx="14207">
                  <c:v>586707.17732630705</c:v>
                </c:pt>
                <c:pt idx="14208">
                  <c:v>586707.17732630705</c:v>
                </c:pt>
                <c:pt idx="14209">
                  <c:v>586707.17732630705</c:v>
                </c:pt>
                <c:pt idx="14210">
                  <c:v>586707.17732630705</c:v>
                </c:pt>
                <c:pt idx="14211">
                  <c:v>586707.17732630705</c:v>
                </c:pt>
                <c:pt idx="14212">
                  <c:v>586707.17732630705</c:v>
                </c:pt>
                <c:pt idx="14213">
                  <c:v>586707.17732630705</c:v>
                </c:pt>
                <c:pt idx="14214">
                  <c:v>586707.17732630705</c:v>
                </c:pt>
                <c:pt idx="14215">
                  <c:v>586707.17732630705</c:v>
                </c:pt>
                <c:pt idx="14216">
                  <c:v>586707.17732630705</c:v>
                </c:pt>
                <c:pt idx="14217">
                  <c:v>586707.17732630705</c:v>
                </c:pt>
                <c:pt idx="14218">
                  <c:v>586707.17732630705</c:v>
                </c:pt>
                <c:pt idx="14219">
                  <c:v>586707.17732630705</c:v>
                </c:pt>
                <c:pt idx="14220">
                  <c:v>586707.17732630705</c:v>
                </c:pt>
                <c:pt idx="14221">
                  <c:v>586707.17732630705</c:v>
                </c:pt>
                <c:pt idx="14222">
                  <c:v>586707.17732630705</c:v>
                </c:pt>
                <c:pt idx="14223">
                  <c:v>586707.17732630705</c:v>
                </c:pt>
                <c:pt idx="14224">
                  <c:v>586707.17732630705</c:v>
                </c:pt>
                <c:pt idx="14225">
                  <c:v>586707.17732630705</c:v>
                </c:pt>
                <c:pt idx="14226">
                  <c:v>586707.17732630705</c:v>
                </c:pt>
                <c:pt idx="14227">
                  <c:v>586707.17732630705</c:v>
                </c:pt>
                <c:pt idx="14228">
                  <c:v>586707.17732630705</c:v>
                </c:pt>
                <c:pt idx="14229">
                  <c:v>586707.17732630705</c:v>
                </c:pt>
                <c:pt idx="14230">
                  <c:v>587003.34645835205</c:v>
                </c:pt>
                <c:pt idx="14231">
                  <c:v>587003.34645835205</c:v>
                </c:pt>
                <c:pt idx="14232">
                  <c:v>587003.34645835205</c:v>
                </c:pt>
                <c:pt idx="14233">
                  <c:v>587003.34645835205</c:v>
                </c:pt>
                <c:pt idx="14234">
                  <c:v>587003.34645835205</c:v>
                </c:pt>
                <c:pt idx="14235">
                  <c:v>587203.49903033697</c:v>
                </c:pt>
                <c:pt idx="14236">
                  <c:v>587203.49903033697</c:v>
                </c:pt>
                <c:pt idx="14237">
                  <c:v>587203.49903033697</c:v>
                </c:pt>
                <c:pt idx="14238">
                  <c:v>587203.49903033697</c:v>
                </c:pt>
                <c:pt idx="14239">
                  <c:v>587203.49903033697</c:v>
                </c:pt>
                <c:pt idx="14240">
                  <c:v>587203.49903033697</c:v>
                </c:pt>
                <c:pt idx="14241">
                  <c:v>587203.49903033697</c:v>
                </c:pt>
                <c:pt idx="14242">
                  <c:v>587203.49903033697</c:v>
                </c:pt>
                <c:pt idx="14243">
                  <c:v>587203.49903033697</c:v>
                </c:pt>
                <c:pt idx="14244">
                  <c:v>587203.49903033697</c:v>
                </c:pt>
                <c:pt idx="14245">
                  <c:v>587203.49903033697</c:v>
                </c:pt>
                <c:pt idx="14246">
                  <c:v>587203.49903033697</c:v>
                </c:pt>
                <c:pt idx="14247">
                  <c:v>587203.49903033697</c:v>
                </c:pt>
                <c:pt idx="14248">
                  <c:v>587203.49903033697</c:v>
                </c:pt>
                <c:pt idx="14249">
                  <c:v>587203.49903033697</c:v>
                </c:pt>
                <c:pt idx="14250">
                  <c:v>587203.49903033697</c:v>
                </c:pt>
                <c:pt idx="14251">
                  <c:v>587203.49903033697</c:v>
                </c:pt>
                <c:pt idx="14252">
                  <c:v>587203.49903033697</c:v>
                </c:pt>
                <c:pt idx="14253">
                  <c:v>587203.49903033697</c:v>
                </c:pt>
                <c:pt idx="14254">
                  <c:v>587203.49903033697</c:v>
                </c:pt>
                <c:pt idx="14255">
                  <c:v>587203.49903033697</c:v>
                </c:pt>
                <c:pt idx="14256">
                  <c:v>587203.49903033697</c:v>
                </c:pt>
                <c:pt idx="14257">
                  <c:v>587203.49903033697</c:v>
                </c:pt>
                <c:pt idx="14258">
                  <c:v>587203.49903033697</c:v>
                </c:pt>
                <c:pt idx="14259">
                  <c:v>587203.49903033697</c:v>
                </c:pt>
                <c:pt idx="14260">
                  <c:v>587203.49903033697</c:v>
                </c:pt>
                <c:pt idx="14261">
                  <c:v>587203.49903033697</c:v>
                </c:pt>
                <c:pt idx="14262">
                  <c:v>587203.49903033697</c:v>
                </c:pt>
                <c:pt idx="14263">
                  <c:v>587203.49903033697</c:v>
                </c:pt>
                <c:pt idx="14264">
                  <c:v>587203.49903033697</c:v>
                </c:pt>
                <c:pt idx="14265">
                  <c:v>587203.49903033697</c:v>
                </c:pt>
                <c:pt idx="14266">
                  <c:v>587203.49903033697</c:v>
                </c:pt>
                <c:pt idx="14267">
                  <c:v>587203.49903033697</c:v>
                </c:pt>
                <c:pt idx="14268">
                  <c:v>587203.49903033697</c:v>
                </c:pt>
                <c:pt idx="14269">
                  <c:v>587203.49903033697</c:v>
                </c:pt>
                <c:pt idx="14270">
                  <c:v>587203.49903033697</c:v>
                </c:pt>
                <c:pt idx="14271">
                  <c:v>587203.49903033697</c:v>
                </c:pt>
                <c:pt idx="14272">
                  <c:v>587203.49903033697</c:v>
                </c:pt>
                <c:pt idx="14273">
                  <c:v>587203.49903033697</c:v>
                </c:pt>
                <c:pt idx="14274">
                  <c:v>587203.49903033697</c:v>
                </c:pt>
                <c:pt idx="14275">
                  <c:v>587203.49903033697</c:v>
                </c:pt>
                <c:pt idx="14276">
                  <c:v>587203.49903033697</c:v>
                </c:pt>
                <c:pt idx="14277">
                  <c:v>587203.49903033697</c:v>
                </c:pt>
                <c:pt idx="14278">
                  <c:v>587203.49903033697</c:v>
                </c:pt>
                <c:pt idx="14279">
                  <c:v>587203.49903033697</c:v>
                </c:pt>
                <c:pt idx="14280">
                  <c:v>587203.49903033697</c:v>
                </c:pt>
                <c:pt idx="14281">
                  <c:v>587203.49903033697</c:v>
                </c:pt>
                <c:pt idx="14282">
                  <c:v>587203.49903033697</c:v>
                </c:pt>
                <c:pt idx="14283">
                  <c:v>587203.49903033697</c:v>
                </c:pt>
                <c:pt idx="14284">
                  <c:v>587203.49903033697</c:v>
                </c:pt>
                <c:pt idx="14285">
                  <c:v>587203.49903033697</c:v>
                </c:pt>
                <c:pt idx="14286">
                  <c:v>587203.49903033697</c:v>
                </c:pt>
                <c:pt idx="14287">
                  <c:v>587203.49903033697</c:v>
                </c:pt>
                <c:pt idx="14288">
                  <c:v>587203.49903033697</c:v>
                </c:pt>
                <c:pt idx="14289">
                  <c:v>587203.49903033697</c:v>
                </c:pt>
                <c:pt idx="14290">
                  <c:v>587203.49903033697</c:v>
                </c:pt>
                <c:pt idx="14291">
                  <c:v>587203.49903033697</c:v>
                </c:pt>
                <c:pt idx="14292">
                  <c:v>587203.49903033697</c:v>
                </c:pt>
                <c:pt idx="14293">
                  <c:v>587203.49903033697</c:v>
                </c:pt>
                <c:pt idx="14294">
                  <c:v>587203.49903033697</c:v>
                </c:pt>
                <c:pt idx="14295">
                  <c:v>587203.49903033697</c:v>
                </c:pt>
                <c:pt idx="14296">
                  <c:v>587203.49903033697</c:v>
                </c:pt>
                <c:pt idx="14297">
                  <c:v>587203.49903033697</c:v>
                </c:pt>
                <c:pt idx="14298">
                  <c:v>587203.49903033697</c:v>
                </c:pt>
                <c:pt idx="14299">
                  <c:v>587203.49903033697</c:v>
                </c:pt>
                <c:pt idx="14300">
                  <c:v>587203.49903033697</c:v>
                </c:pt>
                <c:pt idx="14301">
                  <c:v>587203.49903033697</c:v>
                </c:pt>
                <c:pt idx="14302">
                  <c:v>587203.49903033697</c:v>
                </c:pt>
                <c:pt idx="14303">
                  <c:v>587203.49903033697</c:v>
                </c:pt>
                <c:pt idx="14304">
                  <c:v>587203.49903033697</c:v>
                </c:pt>
                <c:pt idx="14305">
                  <c:v>587203.49903033697</c:v>
                </c:pt>
                <c:pt idx="14306">
                  <c:v>587203.49903033697</c:v>
                </c:pt>
                <c:pt idx="14307">
                  <c:v>587203.49903033697</c:v>
                </c:pt>
                <c:pt idx="14308">
                  <c:v>587203.49903033697</c:v>
                </c:pt>
                <c:pt idx="14309">
                  <c:v>587203.49903033697</c:v>
                </c:pt>
                <c:pt idx="14310">
                  <c:v>587203.49903033697</c:v>
                </c:pt>
                <c:pt idx="14311">
                  <c:v>587203.49903033697</c:v>
                </c:pt>
                <c:pt idx="14312">
                  <c:v>587203.49903033697</c:v>
                </c:pt>
                <c:pt idx="14313">
                  <c:v>587203.49903033697</c:v>
                </c:pt>
                <c:pt idx="14314">
                  <c:v>587203.49903033697</c:v>
                </c:pt>
                <c:pt idx="14315">
                  <c:v>587203.49903033697</c:v>
                </c:pt>
                <c:pt idx="14316">
                  <c:v>587203.49903033697</c:v>
                </c:pt>
                <c:pt idx="14317">
                  <c:v>587203.49903033697</c:v>
                </c:pt>
                <c:pt idx="14318">
                  <c:v>587203.49903033697</c:v>
                </c:pt>
                <c:pt idx="14319">
                  <c:v>587203.49903033697</c:v>
                </c:pt>
                <c:pt idx="14320">
                  <c:v>587203.49903033697</c:v>
                </c:pt>
                <c:pt idx="14321">
                  <c:v>587203.49903033697</c:v>
                </c:pt>
                <c:pt idx="14322">
                  <c:v>587203.49903033697</c:v>
                </c:pt>
                <c:pt idx="14323">
                  <c:v>587203.49903033697</c:v>
                </c:pt>
                <c:pt idx="14324">
                  <c:v>587203.49903033697</c:v>
                </c:pt>
                <c:pt idx="14325">
                  <c:v>587203.49903033697</c:v>
                </c:pt>
                <c:pt idx="14326">
                  <c:v>587203.49903033697</c:v>
                </c:pt>
                <c:pt idx="14327">
                  <c:v>588592.09237336996</c:v>
                </c:pt>
                <c:pt idx="14328">
                  <c:v>588592.09237336996</c:v>
                </c:pt>
                <c:pt idx="14329">
                  <c:v>588592.09237336996</c:v>
                </c:pt>
                <c:pt idx="14330">
                  <c:v>588592.09237336996</c:v>
                </c:pt>
                <c:pt idx="14331">
                  <c:v>588592.09237336996</c:v>
                </c:pt>
                <c:pt idx="14332">
                  <c:v>588592.09237336996</c:v>
                </c:pt>
                <c:pt idx="14333">
                  <c:v>588592.09237336996</c:v>
                </c:pt>
                <c:pt idx="14334">
                  <c:v>588592.09237336996</c:v>
                </c:pt>
                <c:pt idx="14335">
                  <c:v>588592.09237336996</c:v>
                </c:pt>
                <c:pt idx="14336">
                  <c:v>588592.09237336996</c:v>
                </c:pt>
                <c:pt idx="14337">
                  <c:v>588592.09237336996</c:v>
                </c:pt>
                <c:pt idx="14338">
                  <c:v>588592.09237336996</c:v>
                </c:pt>
                <c:pt idx="14339">
                  <c:v>588592.09237336996</c:v>
                </c:pt>
                <c:pt idx="14340">
                  <c:v>588592.09237336996</c:v>
                </c:pt>
                <c:pt idx="14341">
                  <c:v>588592.09237336996</c:v>
                </c:pt>
                <c:pt idx="14342">
                  <c:v>588592.09237336996</c:v>
                </c:pt>
                <c:pt idx="14343">
                  <c:v>588592.09237336996</c:v>
                </c:pt>
                <c:pt idx="14344">
                  <c:v>588592.09237336996</c:v>
                </c:pt>
                <c:pt idx="14345">
                  <c:v>588592.09237336996</c:v>
                </c:pt>
                <c:pt idx="14346">
                  <c:v>588592.09237336996</c:v>
                </c:pt>
                <c:pt idx="14347">
                  <c:v>588592.09237336996</c:v>
                </c:pt>
                <c:pt idx="14348">
                  <c:v>588592.09237336996</c:v>
                </c:pt>
                <c:pt idx="14349">
                  <c:v>588592.09237336996</c:v>
                </c:pt>
                <c:pt idx="14350">
                  <c:v>588592.09237336996</c:v>
                </c:pt>
                <c:pt idx="14351">
                  <c:v>588592.09237336996</c:v>
                </c:pt>
                <c:pt idx="14352">
                  <c:v>588592.09237336996</c:v>
                </c:pt>
                <c:pt idx="14353">
                  <c:v>588592.09237336996</c:v>
                </c:pt>
                <c:pt idx="14354">
                  <c:v>588592.09237336996</c:v>
                </c:pt>
                <c:pt idx="14355">
                  <c:v>588592.09237336996</c:v>
                </c:pt>
                <c:pt idx="14356">
                  <c:v>588592.09237336996</c:v>
                </c:pt>
                <c:pt idx="14357">
                  <c:v>588592.09237336996</c:v>
                </c:pt>
                <c:pt idx="14358">
                  <c:v>588592.09237336996</c:v>
                </c:pt>
                <c:pt idx="14359">
                  <c:v>588592.09237336996</c:v>
                </c:pt>
                <c:pt idx="14360">
                  <c:v>588592.09237336996</c:v>
                </c:pt>
                <c:pt idx="14361">
                  <c:v>588592.09237336996</c:v>
                </c:pt>
                <c:pt idx="14362">
                  <c:v>588592.09237336996</c:v>
                </c:pt>
                <c:pt idx="14363">
                  <c:v>588592.09237336996</c:v>
                </c:pt>
                <c:pt idx="14364">
                  <c:v>588592.09237336996</c:v>
                </c:pt>
                <c:pt idx="14365">
                  <c:v>588592.09237336996</c:v>
                </c:pt>
                <c:pt idx="14366">
                  <c:v>588592.09237336996</c:v>
                </c:pt>
                <c:pt idx="14367">
                  <c:v>588592.09237336996</c:v>
                </c:pt>
                <c:pt idx="14368">
                  <c:v>588592.09237336996</c:v>
                </c:pt>
                <c:pt idx="14369">
                  <c:v>588592.09237336996</c:v>
                </c:pt>
                <c:pt idx="14370">
                  <c:v>588592.09237336996</c:v>
                </c:pt>
                <c:pt idx="14371">
                  <c:v>590352.49807954405</c:v>
                </c:pt>
                <c:pt idx="14372">
                  <c:v>590352.49807954405</c:v>
                </c:pt>
                <c:pt idx="14373">
                  <c:v>590352.49807954405</c:v>
                </c:pt>
                <c:pt idx="14374">
                  <c:v>590352.49807954405</c:v>
                </c:pt>
                <c:pt idx="14375">
                  <c:v>590352.49807954405</c:v>
                </c:pt>
                <c:pt idx="14376">
                  <c:v>590352.49807954405</c:v>
                </c:pt>
                <c:pt idx="14377">
                  <c:v>590352.49807954405</c:v>
                </c:pt>
                <c:pt idx="14378">
                  <c:v>590352.49807954405</c:v>
                </c:pt>
                <c:pt idx="14379">
                  <c:v>590352.49807954405</c:v>
                </c:pt>
                <c:pt idx="14380">
                  <c:v>590352.49807954405</c:v>
                </c:pt>
                <c:pt idx="14381">
                  <c:v>590820.14742631698</c:v>
                </c:pt>
                <c:pt idx="14382">
                  <c:v>590820.14742631698</c:v>
                </c:pt>
                <c:pt idx="14383">
                  <c:v>590820.14742631698</c:v>
                </c:pt>
                <c:pt idx="14384">
                  <c:v>590820.14742631698</c:v>
                </c:pt>
                <c:pt idx="14385">
                  <c:v>590820.14742631698</c:v>
                </c:pt>
                <c:pt idx="14386">
                  <c:v>590820.14742631698</c:v>
                </c:pt>
                <c:pt idx="14387">
                  <c:v>590820.14742631698</c:v>
                </c:pt>
                <c:pt idx="14388">
                  <c:v>590820.14742631698</c:v>
                </c:pt>
                <c:pt idx="14389">
                  <c:v>590820.14742631698</c:v>
                </c:pt>
                <c:pt idx="14390">
                  <c:v>590820.14742631698</c:v>
                </c:pt>
                <c:pt idx="14391">
                  <c:v>590820.14742631698</c:v>
                </c:pt>
                <c:pt idx="14392">
                  <c:v>590820.14742631698</c:v>
                </c:pt>
                <c:pt idx="14393">
                  <c:v>590820.14742631698</c:v>
                </c:pt>
                <c:pt idx="14394">
                  <c:v>590820.14742631698</c:v>
                </c:pt>
                <c:pt idx="14395">
                  <c:v>590820.14742631698</c:v>
                </c:pt>
                <c:pt idx="14396">
                  <c:v>590820.14742631698</c:v>
                </c:pt>
                <c:pt idx="14397">
                  <c:v>590820.14742631698</c:v>
                </c:pt>
                <c:pt idx="14398">
                  <c:v>590820.14742631698</c:v>
                </c:pt>
                <c:pt idx="14399">
                  <c:v>590820.14742631698</c:v>
                </c:pt>
                <c:pt idx="14400">
                  <c:v>590820.14742631698</c:v>
                </c:pt>
                <c:pt idx="14401">
                  <c:v>590820.14742631698</c:v>
                </c:pt>
                <c:pt idx="14402">
                  <c:v>590820.14742631698</c:v>
                </c:pt>
                <c:pt idx="14403">
                  <c:v>590820.14742631698</c:v>
                </c:pt>
                <c:pt idx="14404">
                  <c:v>590820.14742631698</c:v>
                </c:pt>
                <c:pt idx="14405">
                  <c:v>590820.14742631698</c:v>
                </c:pt>
                <c:pt idx="14406">
                  <c:v>590820.14742631698</c:v>
                </c:pt>
                <c:pt idx="14407">
                  <c:v>590820.14742631698</c:v>
                </c:pt>
                <c:pt idx="14408">
                  <c:v>590820.14742631698</c:v>
                </c:pt>
                <c:pt idx="14409">
                  <c:v>590820.14742631698</c:v>
                </c:pt>
                <c:pt idx="14410">
                  <c:v>590820.14742631698</c:v>
                </c:pt>
                <c:pt idx="14411">
                  <c:v>590820.14742631698</c:v>
                </c:pt>
                <c:pt idx="14412">
                  <c:v>590820.14742631698</c:v>
                </c:pt>
                <c:pt idx="14413">
                  <c:v>590820.14742631698</c:v>
                </c:pt>
                <c:pt idx="14414">
                  <c:v>590820.14742631698</c:v>
                </c:pt>
                <c:pt idx="14415">
                  <c:v>590820.14742631698</c:v>
                </c:pt>
                <c:pt idx="14416">
                  <c:v>590820.14742631698</c:v>
                </c:pt>
                <c:pt idx="14417">
                  <c:v>590820.14742631698</c:v>
                </c:pt>
                <c:pt idx="14418">
                  <c:v>590820.14742631698</c:v>
                </c:pt>
                <c:pt idx="14419">
                  <c:v>590820.14742631698</c:v>
                </c:pt>
                <c:pt idx="14420">
                  <c:v>590820.14742631698</c:v>
                </c:pt>
                <c:pt idx="14421">
                  <c:v>590820.14742631698</c:v>
                </c:pt>
                <c:pt idx="14422">
                  <c:v>590820.14742631698</c:v>
                </c:pt>
                <c:pt idx="14423">
                  <c:v>590820.14742631698</c:v>
                </c:pt>
                <c:pt idx="14424">
                  <c:v>590820.14742631698</c:v>
                </c:pt>
                <c:pt idx="14425">
                  <c:v>590820.14742631698</c:v>
                </c:pt>
                <c:pt idx="14426">
                  <c:v>590820.14742631698</c:v>
                </c:pt>
                <c:pt idx="14427">
                  <c:v>590820.14742631698</c:v>
                </c:pt>
                <c:pt idx="14428">
                  <c:v>591735.92278349795</c:v>
                </c:pt>
                <c:pt idx="14429">
                  <c:v>591735.92278349795</c:v>
                </c:pt>
                <c:pt idx="14430">
                  <c:v>591735.92278349795</c:v>
                </c:pt>
                <c:pt idx="14431">
                  <c:v>591735.92278349795</c:v>
                </c:pt>
                <c:pt idx="14432">
                  <c:v>591735.92278349795</c:v>
                </c:pt>
                <c:pt idx="14433">
                  <c:v>591735.92278349795</c:v>
                </c:pt>
                <c:pt idx="14434">
                  <c:v>591735.92278349795</c:v>
                </c:pt>
                <c:pt idx="14435">
                  <c:v>591735.92278349795</c:v>
                </c:pt>
                <c:pt idx="14436">
                  <c:v>591735.92278349795</c:v>
                </c:pt>
                <c:pt idx="14437">
                  <c:v>591735.92278349795</c:v>
                </c:pt>
                <c:pt idx="14438">
                  <c:v>591735.92278349795</c:v>
                </c:pt>
                <c:pt idx="14439">
                  <c:v>591735.92278349795</c:v>
                </c:pt>
                <c:pt idx="14440">
                  <c:v>591735.92278349795</c:v>
                </c:pt>
                <c:pt idx="14441">
                  <c:v>591735.92278349795</c:v>
                </c:pt>
                <c:pt idx="14442">
                  <c:v>591735.92278349795</c:v>
                </c:pt>
                <c:pt idx="14443">
                  <c:v>591735.92278349795</c:v>
                </c:pt>
                <c:pt idx="14444">
                  <c:v>591735.92278349795</c:v>
                </c:pt>
                <c:pt idx="14445">
                  <c:v>591735.92278349795</c:v>
                </c:pt>
                <c:pt idx="14446">
                  <c:v>591735.92278349795</c:v>
                </c:pt>
                <c:pt idx="14447">
                  <c:v>591735.92278349795</c:v>
                </c:pt>
                <c:pt idx="14448">
                  <c:v>591735.92278349795</c:v>
                </c:pt>
                <c:pt idx="14449">
                  <c:v>591735.92278349795</c:v>
                </c:pt>
                <c:pt idx="14450">
                  <c:v>591735.92278349795</c:v>
                </c:pt>
                <c:pt idx="14451">
                  <c:v>591735.92278349795</c:v>
                </c:pt>
                <c:pt idx="14452">
                  <c:v>591735.92278349795</c:v>
                </c:pt>
                <c:pt idx="14453">
                  <c:v>591735.92278349795</c:v>
                </c:pt>
                <c:pt idx="14454">
                  <c:v>591735.92278349795</c:v>
                </c:pt>
                <c:pt idx="14455">
                  <c:v>591735.92278349795</c:v>
                </c:pt>
                <c:pt idx="14456">
                  <c:v>591735.92278349795</c:v>
                </c:pt>
                <c:pt idx="14457">
                  <c:v>591735.92278349795</c:v>
                </c:pt>
                <c:pt idx="14458">
                  <c:v>591735.92278349795</c:v>
                </c:pt>
                <c:pt idx="14459">
                  <c:v>591735.92278349795</c:v>
                </c:pt>
                <c:pt idx="14460">
                  <c:v>591735.92278349795</c:v>
                </c:pt>
                <c:pt idx="14461">
                  <c:v>591735.92278349795</c:v>
                </c:pt>
                <c:pt idx="14462">
                  <c:v>591735.92278349795</c:v>
                </c:pt>
                <c:pt idx="14463">
                  <c:v>591735.92278349795</c:v>
                </c:pt>
                <c:pt idx="14464">
                  <c:v>591735.92278349795</c:v>
                </c:pt>
                <c:pt idx="14465">
                  <c:v>591733.21387309197</c:v>
                </c:pt>
                <c:pt idx="14466">
                  <c:v>591733.21387309197</c:v>
                </c:pt>
                <c:pt idx="14467">
                  <c:v>591733.21387309197</c:v>
                </c:pt>
                <c:pt idx="14468">
                  <c:v>591733.21387309197</c:v>
                </c:pt>
                <c:pt idx="14469">
                  <c:v>591733.21387309197</c:v>
                </c:pt>
                <c:pt idx="14470">
                  <c:v>591733.21387309197</c:v>
                </c:pt>
                <c:pt idx="14471">
                  <c:v>591733.21387309197</c:v>
                </c:pt>
                <c:pt idx="14472">
                  <c:v>591733.21387309197</c:v>
                </c:pt>
                <c:pt idx="14473">
                  <c:v>592902.80336268095</c:v>
                </c:pt>
                <c:pt idx="14474">
                  <c:v>592902.80336268095</c:v>
                </c:pt>
                <c:pt idx="14475">
                  <c:v>592902.80336268095</c:v>
                </c:pt>
                <c:pt idx="14476">
                  <c:v>592902.80336268095</c:v>
                </c:pt>
                <c:pt idx="14477">
                  <c:v>592902.80336268095</c:v>
                </c:pt>
                <c:pt idx="14478">
                  <c:v>592902.80336268095</c:v>
                </c:pt>
                <c:pt idx="14479">
                  <c:v>592902.80336268095</c:v>
                </c:pt>
                <c:pt idx="14480">
                  <c:v>592902.80336268095</c:v>
                </c:pt>
                <c:pt idx="14481">
                  <c:v>595392.46109085903</c:v>
                </c:pt>
                <c:pt idx="14482">
                  <c:v>595392.46109085903</c:v>
                </c:pt>
                <c:pt idx="14483">
                  <c:v>595392.46109085903</c:v>
                </c:pt>
                <c:pt idx="14484">
                  <c:v>595392.46109085903</c:v>
                </c:pt>
                <c:pt idx="14485">
                  <c:v>595392.46109085903</c:v>
                </c:pt>
                <c:pt idx="14486">
                  <c:v>595392.46109085903</c:v>
                </c:pt>
                <c:pt idx="14487">
                  <c:v>595392.46109085903</c:v>
                </c:pt>
                <c:pt idx="14488">
                  <c:v>595392.46109085903</c:v>
                </c:pt>
                <c:pt idx="14489">
                  <c:v>595392.46109085903</c:v>
                </c:pt>
                <c:pt idx="14490">
                  <c:v>595392.46109085903</c:v>
                </c:pt>
                <c:pt idx="14491">
                  <c:v>595392.46109085903</c:v>
                </c:pt>
                <c:pt idx="14492">
                  <c:v>595392.46109085903</c:v>
                </c:pt>
                <c:pt idx="14493">
                  <c:v>595392.46109085903</c:v>
                </c:pt>
                <c:pt idx="14494">
                  <c:v>595392.46109085903</c:v>
                </c:pt>
                <c:pt idx="14495">
                  <c:v>595392.46109085903</c:v>
                </c:pt>
                <c:pt idx="14496">
                  <c:v>595392.46109085903</c:v>
                </c:pt>
                <c:pt idx="14497">
                  <c:v>595392.46109085903</c:v>
                </c:pt>
                <c:pt idx="14498">
                  <c:v>595392.46109085903</c:v>
                </c:pt>
                <c:pt idx="14499">
                  <c:v>595392.46109085903</c:v>
                </c:pt>
                <c:pt idx="14500">
                  <c:v>595392.46109085903</c:v>
                </c:pt>
                <c:pt idx="14501">
                  <c:v>595392.46109085903</c:v>
                </c:pt>
                <c:pt idx="14502">
                  <c:v>595392.46109085903</c:v>
                </c:pt>
                <c:pt idx="14503">
                  <c:v>595392.46109085903</c:v>
                </c:pt>
                <c:pt idx="14504">
                  <c:v>595392.46109085903</c:v>
                </c:pt>
                <c:pt idx="14505">
                  <c:v>595392.46109085903</c:v>
                </c:pt>
                <c:pt idx="14506">
                  <c:v>595392.46109085903</c:v>
                </c:pt>
                <c:pt idx="14507">
                  <c:v>595392.46109085903</c:v>
                </c:pt>
                <c:pt idx="14508">
                  <c:v>595392.46109085903</c:v>
                </c:pt>
                <c:pt idx="14509">
                  <c:v>595392.46109085903</c:v>
                </c:pt>
                <c:pt idx="14510">
                  <c:v>595392.46109085903</c:v>
                </c:pt>
                <c:pt idx="14511">
                  <c:v>595392.46109085903</c:v>
                </c:pt>
                <c:pt idx="14512">
                  <c:v>595392.46109085903</c:v>
                </c:pt>
                <c:pt idx="14513">
                  <c:v>595392.46109085903</c:v>
                </c:pt>
                <c:pt idx="14514">
                  <c:v>595392.46109085903</c:v>
                </c:pt>
                <c:pt idx="14515">
                  <c:v>595392.46109085903</c:v>
                </c:pt>
                <c:pt idx="14516">
                  <c:v>595392.46109085903</c:v>
                </c:pt>
                <c:pt idx="14517">
                  <c:v>595392.46109085903</c:v>
                </c:pt>
                <c:pt idx="14518">
                  <c:v>595392.46109085903</c:v>
                </c:pt>
                <c:pt idx="14519">
                  <c:v>595392.46109085903</c:v>
                </c:pt>
                <c:pt idx="14520">
                  <c:v>595392.46109085903</c:v>
                </c:pt>
                <c:pt idx="14521">
                  <c:v>595392.46109085903</c:v>
                </c:pt>
                <c:pt idx="14522">
                  <c:v>595392.46109085903</c:v>
                </c:pt>
                <c:pt idx="14523">
                  <c:v>595392.46109085903</c:v>
                </c:pt>
                <c:pt idx="14524">
                  <c:v>595392.46109085903</c:v>
                </c:pt>
                <c:pt idx="14525">
                  <c:v>595392.46109085903</c:v>
                </c:pt>
                <c:pt idx="14526">
                  <c:v>595392.46109085903</c:v>
                </c:pt>
                <c:pt idx="14527">
                  <c:v>595392.46109085903</c:v>
                </c:pt>
                <c:pt idx="14528">
                  <c:v>595392.46109085903</c:v>
                </c:pt>
                <c:pt idx="14529">
                  <c:v>595392.46109085903</c:v>
                </c:pt>
                <c:pt idx="14530">
                  <c:v>595392.46109085903</c:v>
                </c:pt>
                <c:pt idx="14531">
                  <c:v>595536.83612857596</c:v>
                </c:pt>
                <c:pt idx="14532">
                  <c:v>595536.83612857596</c:v>
                </c:pt>
                <c:pt idx="14533">
                  <c:v>595536.83612857596</c:v>
                </c:pt>
                <c:pt idx="14534">
                  <c:v>595536.83612857596</c:v>
                </c:pt>
                <c:pt idx="14535">
                  <c:v>595536.83612857596</c:v>
                </c:pt>
                <c:pt idx="14536">
                  <c:v>595536.83612857596</c:v>
                </c:pt>
                <c:pt idx="14537">
                  <c:v>595536.83612857596</c:v>
                </c:pt>
                <c:pt idx="14538">
                  <c:v>595536.83612857596</c:v>
                </c:pt>
                <c:pt idx="14539">
                  <c:v>595536.83612857596</c:v>
                </c:pt>
                <c:pt idx="14540">
                  <c:v>595536.83612857596</c:v>
                </c:pt>
                <c:pt idx="14541">
                  <c:v>595536.83612857596</c:v>
                </c:pt>
                <c:pt idx="14542">
                  <c:v>595536.83612857596</c:v>
                </c:pt>
                <c:pt idx="14543">
                  <c:v>595536.83612857596</c:v>
                </c:pt>
                <c:pt idx="14544">
                  <c:v>595536.83612857596</c:v>
                </c:pt>
                <c:pt idx="14545">
                  <c:v>595536.83612857596</c:v>
                </c:pt>
                <c:pt idx="14546">
                  <c:v>595536.83612857596</c:v>
                </c:pt>
                <c:pt idx="14547">
                  <c:v>595536.83612857596</c:v>
                </c:pt>
                <c:pt idx="14548">
                  <c:v>595536.83612857596</c:v>
                </c:pt>
                <c:pt idx="14549">
                  <c:v>595536.83612857596</c:v>
                </c:pt>
                <c:pt idx="14550">
                  <c:v>596739.60528651602</c:v>
                </c:pt>
                <c:pt idx="14551">
                  <c:v>596739.60528651602</c:v>
                </c:pt>
                <c:pt idx="14552">
                  <c:v>596739.60528651602</c:v>
                </c:pt>
                <c:pt idx="14553">
                  <c:v>596739.60528651602</c:v>
                </c:pt>
                <c:pt idx="14554">
                  <c:v>596739.60528651602</c:v>
                </c:pt>
                <c:pt idx="14555">
                  <c:v>596739.60528651602</c:v>
                </c:pt>
                <c:pt idx="14556">
                  <c:v>596739.60528651602</c:v>
                </c:pt>
                <c:pt idx="14557">
                  <c:v>596739.60528651602</c:v>
                </c:pt>
                <c:pt idx="14558">
                  <c:v>596739.60528651602</c:v>
                </c:pt>
                <c:pt idx="14559">
                  <c:v>596739.60528651602</c:v>
                </c:pt>
                <c:pt idx="14560">
                  <c:v>596739.60528651602</c:v>
                </c:pt>
                <c:pt idx="14561">
                  <c:v>596739.60528651602</c:v>
                </c:pt>
                <c:pt idx="14562">
                  <c:v>596739.60528651602</c:v>
                </c:pt>
                <c:pt idx="14563">
                  <c:v>596739.60528651602</c:v>
                </c:pt>
                <c:pt idx="14564">
                  <c:v>596739.60528651602</c:v>
                </c:pt>
                <c:pt idx="14565">
                  <c:v>596739.60528651602</c:v>
                </c:pt>
                <c:pt idx="14566">
                  <c:v>596867.744470743</c:v>
                </c:pt>
                <c:pt idx="14567">
                  <c:v>598753.13105045399</c:v>
                </c:pt>
                <c:pt idx="14568">
                  <c:v>598753.13105045399</c:v>
                </c:pt>
                <c:pt idx="14569">
                  <c:v>598753.13105045399</c:v>
                </c:pt>
                <c:pt idx="14570">
                  <c:v>598753.13105045399</c:v>
                </c:pt>
                <c:pt idx="14571">
                  <c:v>598753.13105045399</c:v>
                </c:pt>
                <c:pt idx="14572">
                  <c:v>598753.13105045399</c:v>
                </c:pt>
                <c:pt idx="14573">
                  <c:v>598753.13105045399</c:v>
                </c:pt>
                <c:pt idx="14574">
                  <c:v>598753.13105045399</c:v>
                </c:pt>
                <c:pt idx="14575">
                  <c:v>598753.13105045399</c:v>
                </c:pt>
                <c:pt idx="14576">
                  <c:v>598753.13105045399</c:v>
                </c:pt>
                <c:pt idx="14577">
                  <c:v>598753.13105045399</c:v>
                </c:pt>
                <c:pt idx="14578">
                  <c:v>598753.13105045399</c:v>
                </c:pt>
                <c:pt idx="14579">
                  <c:v>598753.13105045399</c:v>
                </c:pt>
                <c:pt idx="14580">
                  <c:v>598753.13105045399</c:v>
                </c:pt>
                <c:pt idx="14581">
                  <c:v>598753.13105045399</c:v>
                </c:pt>
                <c:pt idx="14582">
                  <c:v>598753.13105045399</c:v>
                </c:pt>
                <c:pt idx="14583">
                  <c:v>598753.13105045399</c:v>
                </c:pt>
                <c:pt idx="14584">
                  <c:v>598753.13105045399</c:v>
                </c:pt>
                <c:pt idx="14585">
                  <c:v>598753.13105045399</c:v>
                </c:pt>
                <c:pt idx="14586">
                  <c:v>598753.13105045399</c:v>
                </c:pt>
                <c:pt idx="14587">
                  <c:v>598753.13105045399</c:v>
                </c:pt>
                <c:pt idx="14588">
                  <c:v>598753.13105045399</c:v>
                </c:pt>
                <c:pt idx="14589">
                  <c:v>598753.13105045399</c:v>
                </c:pt>
                <c:pt idx="14590">
                  <c:v>598753.13105045399</c:v>
                </c:pt>
                <c:pt idx="14591">
                  <c:v>598753.13105045399</c:v>
                </c:pt>
                <c:pt idx="14592">
                  <c:v>598753.13105045399</c:v>
                </c:pt>
                <c:pt idx="14593">
                  <c:v>598753.13105045399</c:v>
                </c:pt>
                <c:pt idx="14594">
                  <c:v>598753.13105045399</c:v>
                </c:pt>
                <c:pt idx="14595">
                  <c:v>598753.13105045399</c:v>
                </c:pt>
                <c:pt idx="14596">
                  <c:v>598753.13105045399</c:v>
                </c:pt>
                <c:pt idx="14597">
                  <c:v>598753.13105045399</c:v>
                </c:pt>
                <c:pt idx="14598">
                  <c:v>598753.13105045399</c:v>
                </c:pt>
                <c:pt idx="14599">
                  <c:v>598753.13105045399</c:v>
                </c:pt>
                <c:pt idx="14600">
                  <c:v>598753.13105045399</c:v>
                </c:pt>
                <c:pt idx="14601">
                  <c:v>598753.13105045399</c:v>
                </c:pt>
                <c:pt idx="14602">
                  <c:v>598753.13105045399</c:v>
                </c:pt>
                <c:pt idx="14603">
                  <c:v>598753.13105045399</c:v>
                </c:pt>
                <c:pt idx="14604">
                  <c:v>598753.13105045399</c:v>
                </c:pt>
                <c:pt idx="14605">
                  <c:v>598753.13105045399</c:v>
                </c:pt>
                <c:pt idx="14606">
                  <c:v>598753.13105045399</c:v>
                </c:pt>
                <c:pt idx="14607">
                  <c:v>598753.13105045399</c:v>
                </c:pt>
                <c:pt idx="14608">
                  <c:v>598753.13105045399</c:v>
                </c:pt>
                <c:pt idx="14609">
                  <c:v>598753.13105045399</c:v>
                </c:pt>
                <c:pt idx="14610">
                  <c:v>598753.13105045399</c:v>
                </c:pt>
                <c:pt idx="14611">
                  <c:v>598753.13105045399</c:v>
                </c:pt>
                <c:pt idx="14612">
                  <c:v>598753.13105045399</c:v>
                </c:pt>
                <c:pt idx="14613">
                  <c:v>598753.13105045399</c:v>
                </c:pt>
                <c:pt idx="14614">
                  <c:v>598753.13105045399</c:v>
                </c:pt>
                <c:pt idx="14615">
                  <c:v>598753.13105045399</c:v>
                </c:pt>
                <c:pt idx="14616">
                  <c:v>598753.13105045399</c:v>
                </c:pt>
                <c:pt idx="14617">
                  <c:v>598753.13105045399</c:v>
                </c:pt>
                <c:pt idx="14618">
                  <c:v>598753.13105045399</c:v>
                </c:pt>
                <c:pt idx="14619">
                  <c:v>598753.13105045399</c:v>
                </c:pt>
                <c:pt idx="14620">
                  <c:v>598753.13105045399</c:v>
                </c:pt>
                <c:pt idx="14621">
                  <c:v>598753.13105045399</c:v>
                </c:pt>
                <c:pt idx="14622">
                  <c:v>598753.13105045399</c:v>
                </c:pt>
                <c:pt idx="14623">
                  <c:v>598753.13105045399</c:v>
                </c:pt>
                <c:pt idx="14624">
                  <c:v>598753.13105045399</c:v>
                </c:pt>
                <c:pt idx="14625">
                  <c:v>598753.13105045399</c:v>
                </c:pt>
                <c:pt idx="14626">
                  <c:v>598753.13105045399</c:v>
                </c:pt>
                <c:pt idx="14627">
                  <c:v>598753.13105045399</c:v>
                </c:pt>
                <c:pt idx="14628">
                  <c:v>598753.13105045399</c:v>
                </c:pt>
                <c:pt idx="14629">
                  <c:v>598753.13105045399</c:v>
                </c:pt>
                <c:pt idx="14630">
                  <c:v>598753.13105045399</c:v>
                </c:pt>
                <c:pt idx="14631">
                  <c:v>598753.13105045399</c:v>
                </c:pt>
                <c:pt idx="14632">
                  <c:v>598753.13105045399</c:v>
                </c:pt>
                <c:pt idx="14633">
                  <c:v>598753.13105045399</c:v>
                </c:pt>
                <c:pt idx="14634">
                  <c:v>598753.13105045399</c:v>
                </c:pt>
                <c:pt idx="14635">
                  <c:v>598753.13105045399</c:v>
                </c:pt>
                <c:pt idx="14636">
                  <c:v>598753.13105045399</c:v>
                </c:pt>
                <c:pt idx="14637">
                  <c:v>598753.13105045399</c:v>
                </c:pt>
                <c:pt idx="14638">
                  <c:v>598947.76537107804</c:v>
                </c:pt>
                <c:pt idx="14639">
                  <c:v>598947.76537107804</c:v>
                </c:pt>
                <c:pt idx="14640">
                  <c:v>598947.76537107804</c:v>
                </c:pt>
                <c:pt idx="14641">
                  <c:v>598947.76537107804</c:v>
                </c:pt>
                <c:pt idx="14642">
                  <c:v>598947.76537107804</c:v>
                </c:pt>
                <c:pt idx="14643">
                  <c:v>598947.76537107804</c:v>
                </c:pt>
                <c:pt idx="14644">
                  <c:v>598947.76537107804</c:v>
                </c:pt>
                <c:pt idx="14645">
                  <c:v>598947.76537107804</c:v>
                </c:pt>
                <c:pt idx="14646">
                  <c:v>598947.76537107804</c:v>
                </c:pt>
                <c:pt idx="14647">
                  <c:v>598947.76537107804</c:v>
                </c:pt>
                <c:pt idx="14648">
                  <c:v>598947.76537107804</c:v>
                </c:pt>
                <c:pt idx="14649">
                  <c:v>598947.76537107804</c:v>
                </c:pt>
                <c:pt idx="14650">
                  <c:v>598947.76537107804</c:v>
                </c:pt>
                <c:pt idx="14651">
                  <c:v>598947.76537107804</c:v>
                </c:pt>
                <c:pt idx="14652">
                  <c:v>598947.76537107804</c:v>
                </c:pt>
                <c:pt idx="14653">
                  <c:v>598947.76537107804</c:v>
                </c:pt>
                <c:pt idx="14654">
                  <c:v>598947.76537107804</c:v>
                </c:pt>
                <c:pt idx="14655">
                  <c:v>598947.76537107804</c:v>
                </c:pt>
                <c:pt idx="14656">
                  <c:v>598947.76537107804</c:v>
                </c:pt>
                <c:pt idx="14657">
                  <c:v>598947.76537107804</c:v>
                </c:pt>
                <c:pt idx="14658">
                  <c:v>598947.76537107804</c:v>
                </c:pt>
                <c:pt idx="14659">
                  <c:v>598947.76537107804</c:v>
                </c:pt>
                <c:pt idx="14660">
                  <c:v>598947.76537107804</c:v>
                </c:pt>
                <c:pt idx="14661">
                  <c:v>598947.76537107804</c:v>
                </c:pt>
                <c:pt idx="14662">
                  <c:v>598947.76537107804</c:v>
                </c:pt>
                <c:pt idx="14663">
                  <c:v>598947.76537107804</c:v>
                </c:pt>
                <c:pt idx="14664">
                  <c:v>598947.76537107804</c:v>
                </c:pt>
                <c:pt idx="14665">
                  <c:v>598947.76537107804</c:v>
                </c:pt>
                <c:pt idx="14666">
                  <c:v>598947.76537107804</c:v>
                </c:pt>
                <c:pt idx="14667">
                  <c:v>598947.76537107804</c:v>
                </c:pt>
                <c:pt idx="14668">
                  <c:v>598947.76537107804</c:v>
                </c:pt>
                <c:pt idx="14669">
                  <c:v>598947.76537107804</c:v>
                </c:pt>
                <c:pt idx="14670">
                  <c:v>598947.76537107804</c:v>
                </c:pt>
                <c:pt idx="14671">
                  <c:v>598947.76537107804</c:v>
                </c:pt>
                <c:pt idx="14672">
                  <c:v>598947.76537107804</c:v>
                </c:pt>
                <c:pt idx="14673">
                  <c:v>598947.76537107804</c:v>
                </c:pt>
                <c:pt idx="14674">
                  <c:v>598947.76537107804</c:v>
                </c:pt>
                <c:pt idx="14675">
                  <c:v>598947.76537107804</c:v>
                </c:pt>
                <c:pt idx="14676">
                  <c:v>598947.76537107804</c:v>
                </c:pt>
                <c:pt idx="14677">
                  <c:v>598947.76537107804</c:v>
                </c:pt>
                <c:pt idx="14678">
                  <c:v>598947.76537107804</c:v>
                </c:pt>
                <c:pt idx="14679">
                  <c:v>598947.76537107804</c:v>
                </c:pt>
                <c:pt idx="14680">
                  <c:v>598947.76537107804</c:v>
                </c:pt>
                <c:pt idx="14681">
                  <c:v>598947.76537107804</c:v>
                </c:pt>
                <c:pt idx="14682">
                  <c:v>598947.76537107804</c:v>
                </c:pt>
                <c:pt idx="14683">
                  <c:v>598947.76537107804</c:v>
                </c:pt>
                <c:pt idx="14684">
                  <c:v>598947.76537107804</c:v>
                </c:pt>
                <c:pt idx="14685">
                  <c:v>598947.76537107804</c:v>
                </c:pt>
                <c:pt idx="14686">
                  <c:v>598947.76537107804</c:v>
                </c:pt>
                <c:pt idx="14687">
                  <c:v>598947.76537107804</c:v>
                </c:pt>
                <c:pt idx="14688">
                  <c:v>598947.76537107804</c:v>
                </c:pt>
                <c:pt idx="14689">
                  <c:v>598947.76537107804</c:v>
                </c:pt>
                <c:pt idx="14690">
                  <c:v>598947.76537107804</c:v>
                </c:pt>
                <c:pt idx="14691">
                  <c:v>598947.76537107804</c:v>
                </c:pt>
                <c:pt idx="14692">
                  <c:v>598947.76537107804</c:v>
                </c:pt>
                <c:pt idx="14693">
                  <c:v>598947.76537107804</c:v>
                </c:pt>
                <c:pt idx="14694">
                  <c:v>598947.76537107804</c:v>
                </c:pt>
                <c:pt idx="14695">
                  <c:v>598947.76537107804</c:v>
                </c:pt>
                <c:pt idx="14696">
                  <c:v>598947.76537107804</c:v>
                </c:pt>
                <c:pt idx="14697">
                  <c:v>598947.76537107804</c:v>
                </c:pt>
                <c:pt idx="14698">
                  <c:v>598947.76537107804</c:v>
                </c:pt>
                <c:pt idx="14699">
                  <c:v>598947.76537107804</c:v>
                </c:pt>
                <c:pt idx="14700">
                  <c:v>598947.76537107804</c:v>
                </c:pt>
                <c:pt idx="14701">
                  <c:v>598947.76537107804</c:v>
                </c:pt>
                <c:pt idx="14702">
                  <c:v>598947.76537107804</c:v>
                </c:pt>
                <c:pt idx="14703">
                  <c:v>598947.76537107804</c:v>
                </c:pt>
                <c:pt idx="14704">
                  <c:v>598947.76537107804</c:v>
                </c:pt>
                <c:pt idx="14705">
                  <c:v>598947.76537107804</c:v>
                </c:pt>
                <c:pt idx="14706">
                  <c:v>598947.76537107804</c:v>
                </c:pt>
                <c:pt idx="14707">
                  <c:v>598947.76537107804</c:v>
                </c:pt>
                <c:pt idx="14708">
                  <c:v>598947.76537107804</c:v>
                </c:pt>
                <c:pt idx="14709">
                  <c:v>598947.76537107804</c:v>
                </c:pt>
                <c:pt idx="14710">
                  <c:v>600087.76624561404</c:v>
                </c:pt>
                <c:pt idx="14711">
                  <c:v>600087.76624561404</c:v>
                </c:pt>
                <c:pt idx="14712">
                  <c:v>600087.76624561404</c:v>
                </c:pt>
                <c:pt idx="14713">
                  <c:v>600087.76624561404</c:v>
                </c:pt>
                <c:pt idx="14714">
                  <c:v>600087.76624561404</c:v>
                </c:pt>
                <c:pt idx="14715">
                  <c:v>600087.76624561404</c:v>
                </c:pt>
                <c:pt idx="14716">
                  <c:v>600087.76624561404</c:v>
                </c:pt>
                <c:pt idx="14717">
                  <c:v>600087.76624561404</c:v>
                </c:pt>
                <c:pt idx="14718">
                  <c:v>600087.76624561404</c:v>
                </c:pt>
                <c:pt idx="14719">
                  <c:v>600087.76624561404</c:v>
                </c:pt>
                <c:pt idx="14720">
                  <c:v>600087.76624561404</c:v>
                </c:pt>
                <c:pt idx="14721">
                  <c:v>600087.76624561404</c:v>
                </c:pt>
                <c:pt idx="14722">
                  <c:v>600087.76624561404</c:v>
                </c:pt>
                <c:pt idx="14723">
                  <c:v>600087.76624561404</c:v>
                </c:pt>
                <c:pt idx="14724">
                  <c:v>600087.76624561404</c:v>
                </c:pt>
                <c:pt idx="14725">
                  <c:v>600087.76624561404</c:v>
                </c:pt>
                <c:pt idx="14726">
                  <c:v>600087.76624561404</c:v>
                </c:pt>
                <c:pt idx="14727">
                  <c:v>600087.76624561404</c:v>
                </c:pt>
                <c:pt idx="14728">
                  <c:v>600087.76624561404</c:v>
                </c:pt>
                <c:pt idx="14729">
                  <c:v>600087.76624561404</c:v>
                </c:pt>
                <c:pt idx="14730">
                  <c:v>600087.76624561404</c:v>
                </c:pt>
                <c:pt idx="14731">
                  <c:v>600087.76624561404</c:v>
                </c:pt>
                <c:pt idx="14732">
                  <c:v>600087.76624561404</c:v>
                </c:pt>
                <c:pt idx="14733">
                  <c:v>600087.76624561404</c:v>
                </c:pt>
                <c:pt idx="14734">
                  <c:v>600087.76624561404</c:v>
                </c:pt>
                <c:pt idx="14735">
                  <c:v>600087.76624561404</c:v>
                </c:pt>
                <c:pt idx="14736">
                  <c:v>600087.76624561404</c:v>
                </c:pt>
                <c:pt idx="14737">
                  <c:v>600087.76624561404</c:v>
                </c:pt>
                <c:pt idx="14738">
                  <c:v>600087.76624561404</c:v>
                </c:pt>
                <c:pt idx="14739">
                  <c:v>600087.76624561404</c:v>
                </c:pt>
                <c:pt idx="14740">
                  <c:v>600087.76624561404</c:v>
                </c:pt>
                <c:pt idx="14741">
                  <c:v>600087.76624561404</c:v>
                </c:pt>
                <c:pt idx="14742">
                  <c:v>600087.76624561404</c:v>
                </c:pt>
                <c:pt idx="14743">
                  <c:v>600087.76624561404</c:v>
                </c:pt>
                <c:pt idx="14744">
                  <c:v>600087.76624561404</c:v>
                </c:pt>
                <c:pt idx="14745">
                  <c:v>600087.76624561404</c:v>
                </c:pt>
                <c:pt idx="14746">
                  <c:v>600087.76624561404</c:v>
                </c:pt>
                <c:pt idx="14747">
                  <c:v>600087.76624561404</c:v>
                </c:pt>
                <c:pt idx="14748">
                  <c:v>600087.76624561404</c:v>
                </c:pt>
                <c:pt idx="14749">
                  <c:v>600087.76624561404</c:v>
                </c:pt>
                <c:pt idx="14750">
                  <c:v>600087.76624561404</c:v>
                </c:pt>
                <c:pt idx="14751">
                  <c:v>600087.76624561404</c:v>
                </c:pt>
                <c:pt idx="14752">
                  <c:v>600087.76624561404</c:v>
                </c:pt>
                <c:pt idx="14753">
                  <c:v>600087.76624561404</c:v>
                </c:pt>
                <c:pt idx="14754">
                  <c:v>600087.76624561404</c:v>
                </c:pt>
                <c:pt idx="14755">
                  <c:v>600087.76624561404</c:v>
                </c:pt>
                <c:pt idx="14756">
                  <c:v>600087.76624561404</c:v>
                </c:pt>
                <c:pt idx="14757">
                  <c:v>600087.76624561404</c:v>
                </c:pt>
                <c:pt idx="14758">
                  <c:v>600087.76624561404</c:v>
                </c:pt>
                <c:pt idx="14759">
                  <c:v>600087.76624561404</c:v>
                </c:pt>
                <c:pt idx="14760">
                  <c:v>600087.76624561404</c:v>
                </c:pt>
                <c:pt idx="14761">
                  <c:v>600087.76624561404</c:v>
                </c:pt>
                <c:pt idx="14762">
                  <c:v>600087.76624561404</c:v>
                </c:pt>
                <c:pt idx="14763">
                  <c:v>600087.76624561404</c:v>
                </c:pt>
                <c:pt idx="14764">
                  <c:v>600087.76624561404</c:v>
                </c:pt>
                <c:pt idx="14765">
                  <c:v>600087.76624561404</c:v>
                </c:pt>
                <c:pt idx="14766">
                  <c:v>600087.76624561404</c:v>
                </c:pt>
                <c:pt idx="14767">
                  <c:v>600087.76624561404</c:v>
                </c:pt>
                <c:pt idx="14768">
                  <c:v>600087.76624561404</c:v>
                </c:pt>
                <c:pt idx="14769">
                  <c:v>600087.76624561404</c:v>
                </c:pt>
                <c:pt idx="14770">
                  <c:v>600087.76624561404</c:v>
                </c:pt>
                <c:pt idx="14771">
                  <c:v>600087.76624561404</c:v>
                </c:pt>
                <c:pt idx="14772">
                  <c:v>600087.76624561404</c:v>
                </c:pt>
                <c:pt idx="14773">
                  <c:v>600087.76624561404</c:v>
                </c:pt>
                <c:pt idx="14774">
                  <c:v>600087.76624561404</c:v>
                </c:pt>
                <c:pt idx="14775">
                  <c:v>600087.76624561404</c:v>
                </c:pt>
                <c:pt idx="14776">
                  <c:v>600087.76624561404</c:v>
                </c:pt>
                <c:pt idx="14777">
                  <c:v>600087.76624561404</c:v>
                </c:pt>
                <c:pt idx="14778">
                  <c:v>600344.30795276503</c:v>
                </c:pt>
                <c:pt idx="14779">
                  <c:v>600344.30795276503</c:v>
                </c:pt>
                <c:pt idx="14780">
                  <c:v>600344.30795276503</c:v>
                </c:pt>
                <c:pt idx="14781">
                  <c:v>600344.30795276503</c:v>
                </c:pt>
                <c:pt idx="14782">
                  <c:v>600344.30795276503</c:v>
                </c:pt>
                <c:pt idx="14783">
                  <c:v>600344.30795276503</c:v>
                </c:pt>
                <c:pt idx="14784">
                  <c:v>600344.30795276503</c:v>
                </c:pt>
                <c:pt idx="14785">
                  <c:v>600344.30795276503</c:v>
                </c:pt>
                <c:pt idx="14786">
                  <c:v>600344.30795276503</c:v>
                </c:pt>
                <c:pt idx="14787">
                  <c:v>600344.30795276503</c:v>
                </c:pt>
                <c:pt idx="14788">
                  <c:v>600344.30795276503</c:v>
                </c:pt>
                <c:pt idx="14789">
                  <c:v>600344.30795276503</c:v>
                </c:pt>
                <c:pt idx="14790">
                  <c:v>600344.30795276503</c:v>
                </c:pt>
                <c:pt idx="14791">
                  <c:v>601395.18345357699</c:v>
                </c:pt>
                <c:pt idx="14792">
                  <c:v>601395.18345357699</c:v>
                </c:pt>
                <c:pt idx="14793">
                  <c:v>601395.18345357699</c:v>
                </c:pt>
                <c:pt idx="14794">
                  <c:v>601395.18345357699</c:v>
                </c:pt>
                <c:pt idx="14795">
                  <c:v>601395.18345357699</c:v>
                </c:pt>
                <c:pt idx="14796">
                  <c:v>601395.18345357699</c:v>
                </c:pt>
                <c:pt idx="14797">
                  <c:v>601395.18345357699</c:v>
                </c:pt>
                <c:pt idx="14798">
                  <c:v>601395.18345357699</c:v>
                </c:pt>
                <c:pt idx="14799">
                  <c:v>601395.18345357699</c:v>
                </c:pt>
                <c:pt idx="14800">
                  <c:v>601395.18345357699</c:v>
                </c:pt>
                <c:pt idx="14801">
                  <c:v>601395.18345357699</c:v>
                </c:pt>
                <c:pt idx="14802">
                  <c:v>601395.18345357699</c:v>
                </c:pt>
                <c:pt idx="14803">
                  <c:v>601395.18345357699</c:v>
                </c:pt>
                <c:pt idx="14804">
                  <c:v>601395.18345357699</c:v>
                </c:pt>
                <c:pt idx="14805">
                  <c:v>601395.18345357699</c:v>
                </c:pt>
                <c:pt idx="14806">
                  <c:v>601395.18345357699</c:v>
                </c:pt>
                <c:pt idx="14807">
                  <c:v>601395.18345357699</c:v>
                </c:pt>
                <c:pt idx="14808">
                  <c:v>601395.18345357699</c:v>
                </c:pt>
                <c:pt idx="14809">
                  <c:v>601395.18345357699</c:v>
                </c:pt>
                <c:pt idx="14810">
                  <c:v>601395.18345357699</c:v>
                </c:pt>
                <c:pt idx="14811">
                  <c:v>601395.18345357699</c:v>
                </c:pt>
                <c:pt idx="14812">
                  <c:v>601395.18345357699</c:v>
                </c:pt>
                <c:pt idx="14813">
                  <c:v>601395.18345357699</c:v>
                </c:pt>
                <c:pt idx="14814">
                  <c:v>601395.18345357699</c:v>
                </c:pt>
                <c:pt idx="14815">
                  <c:v>601395.18345357699</c:v>
                </c:pt>
                <c:pt idx="14816">
                  <c:v>601395.18345357699</c:v>
                </c:pt>
                <c:pt idx="14817">
                  <c:v>601395.18345357699</c:v>
                </c:pt>
                <c:pt idx="14818">
                  <c:v>601395.18345357699</c:v>
                </c:pt>
                <c:pt idx="14819">
                  <c:v>601395.18345357699</c:v>
                </c:pt>
                <c:pt idx="14820">
                  <c:v>601395.18345357699</c:v>
                </c:pt>
                <c:pt idx="14821">
                  <c:v>601395.18345357699</c:v>
                </c:pt>
                <c:pt idx="14822">
                  <c:v>601395.18345357699</c:v>
                </c:pt>
                <c:pt idx="14823">
                  <c:v>601395.18345357699</c:v>
                </c:pt>
                <c:pt idx="14824">
                  <c:v>601395.18345357699</c:v>
                </c:pt>
                <c:pt idx="14825">
                  <c:v>601395.18345357699</c:v>
                </c:pt>
                <c:pt idx="14826">
                  <c:v>601395.18345357699</c:v>
                </c:pt>
                <c:pt idx="14827">
                  <c:v>601491.91912026098</c:v>
                </c:pt>
                <c:pt idx="14828">
                  <c:v>601491.91912026098</c:v>
                </c:pt>
                <c:pt idx="14829">
                  <c:v>601491.91912026098</c:v>
                </c:pt>
                <c:pt idx="14830">
                  <c:v>601491.91912026098</c:v>
                </c:pt>
                <c:pt idx="14831">
                  <c:v>601491.91912026098</c:v>
                </c:pt>
                <c:pt idx="14832">
                  <c:v>601491.91912026098</c:v>
                </c:pt>
                <c:pt idx="14833">
                  <c:v>601491.91912026098</c:v>
                </c:pt>
                <c:pt idx="14834">
                  <c:v>601491.91912026098</c:v>
                </c:pt>
                <c:pt idx="14835">
                  <c:v>601491.91912026098</c:v>
                </c:pt>
                <c:pt idx="14836">
                  <c:v>601491.91912026098</c:v>
                </c:pt>
                <c:pt idx="14837">
                  <c:v>601491.91912026098</c:v>
                </c:pt>
                <c:pt idx="14838">
                  <c:v>601491.91912026098</c:v>
                </c:pt>
                <c:pt idx="14839">
                  <c:v>601491.91912026098</c:v>
                </c:pt>
                <c:pt idx="14840">
                  <c:v>601491.91912026098</c:v>
                </c:pt>
                <c:pt idx="14841">
                  <c:v>601491.91912026098</c:v>
                </c:pt>
                <c:pt idx="14842">
                  <c:v>601491.91912026098</c:v>
                </c:pt>
                <c:pt idx="14843">
                  <c:v>601491.91912026098</c:v>
                </c:pt>
                <c:pt idx="14844">
                  <c:v>601491.91912026098</c:v>
                </c:pt>
                <c:pt idx="14845">
                  <c:v>601491.91912026098</c:v>
                </c:pt>
                <c:pt idx="14846">
                  <c:v>601491.91912026098</c:v>
                </c:pt>
                <c:pt idx="14847">
                  <c:v>601491.91912026098</c:v>
                </c:pt>
                <c:pt idx="14848">
                  <c:v>601491.91912026098</c:v>
                </c:pt>
                <c:pt idx="14849">
                  <c:v>601491.91912026098</c:v>
                </c:pt>
                <c:pt idx="14850">
                  <c:v>601491.91912026098</c:v>
                </c:pt>
                <c:pt idx="14851">
                  <c:v>601491.91912026098</c:v>
                </c:pt>
                <c:pt idx="14852">
                  <c:v>601491.91912026098</c:v>
                </c:pt>
                <c:pt idx="14853">
                  <c:v>601491.91912026098</c:v>
                </c:pt>
                <c:pt idx="14854">
                  <c:v>601491.91912026098</c:v>
                </c:pt>
                <c:pt idx="14855">
                  <c:v>601491.91912026098</c:v>
                </c:pt>
                <c:pt idx="14856">
                  <c:v>601491.91912026098</c:v>
                </c:pt>
                <c:pt idx="14857">
                  <c:v>601491.91912026098</c:v>
                </c:pt>
                <c:pt idx="14858">
                  <c:v>601491.91912026098</c:v>
                </c:pt>
                <c:pt idx="14859">
                  <c:v>601491.91912026098</c:v>
                </c:pt>
                <c:pt idx="14860">
                  <c:v>601491.91912026098</c:v>
                </c:pt>
                <c:pt idx="14861">
                  <c:v>601491.91912026098</c:v>
                </c:pt>
                <c:pt idx="14862">
                  <c:v>601491.91912026098</c:v>
                </c:pt>
                <c:pt idx="14863">
                  <c:v>601491.91912026098</c:v>
                </c:pt>
                <c:pt idx="14864">
                  <c:v>601491.91912026098</c:v>
                </c:pt>
                <c:pt idx="14865">
                  <c:v>601491.91912026098</c:v>
                </c:pt>
                <c:pt idx="14866">
                  <c:v>601491.91912026098</c:v>
                </c:pt>
                <c:pt idx="14867">
                  <c:v>601491.91912026098</c:v>
                </c:pt>
                <c:pt idx="14868">
                  <c:v>601491.91912026098</c:v>
                </c:pt>
                <c:pt idx="14869">
                  <c:v>601491.91912026098</c:v>
                </c:pt>
                <c:pt idx="14870">
                  <c:v>601491.91912026098</c:v>
                </c:pt>
                <c:pt idx="14871">
                  <c:v>601491.91912026098</c:v>
                </c:pt>
                <c:pt idx="14872">
                  <c:v>601491.91912026098</c:v>
                </c:pt>
                <c:pt idx="14873">
                  <c:v>601491.91912026098</c:v>
                </c:pt>
                <c:pt idx="14874">
                  <c:v>601491.91912026098</c:v>
                </c:pt>
                <c:pt idx="14875">
                  <c:v>601491.91912026098</c:v>
                </c:pt>
                <c:pt idx="14876">
                  <c:v>601491.91912026098</c:v>
                </c:pt>
                <c:pt idx="14877">
                  <c:v>601491.91912026098</c:v>
                </c:pt>
                <c:pt idx="14878">
                  <c:v>601491.91912026098</c:v>
                </c:pt>
                <c:pt idx="14879">
                  <c:v>601491.91912026098</c:v>
                </c:pt>
                <c:pt idx="14880">
                  <c:v>601491.91912026098</c:v>
                </c:pt>
                <c:pt idx="14881">
                  <c:v>601491.91912026098</c:v>
                </c:pt>
                <c:pt idx="14882">
                  <c:v>601491.91912026098</c:v>
                </c:pt>
                <c:pt idx="14883">
                  <c:v>601491.91912026098</c:v>
                </c:pt>
                <c:pt idx="14884">
                  <c:v>601491.91912026098</c:v>
                </c:pt>
                <c:pt idx="14885">
                  <c:v>601491.91912026098</c:v>
                </c:pt>
                <c:pt idx="14886">
                  <c:v>601491.91912026098</c:v>
                </c:pt>
                <c:pt idx="14887">
                  <c:v>601491.91912026098</c:v>
                </c:pt>
                <c:pt idx="14888">
                  <c:v>601491.91912026098</c:v>
                </c:pt>
                <c:pt idx="14889">
                  <c:v>601491.91912026098</c:v>
                </c:pt>
                <c:pt idx="14890">
                  <c:v>601491.91912026098</c:v>
                </c:pt>
                <c:pt idx="14891">
                  <c:v>601491.91912026098</c:v>
                </c:pt>
                <c:pt idx="14892">
                  <c:v>601491.91912026098</c:v>
                </c:pt>
                <c:pt idx="14893">
                  <c:v>601491.91912026098</c:v>
                </c:pt>
                <c:pt idx="14894">
                  <c:v>601491.91912026098</c:v>
                </c:pt>
                <c:pt idx="14895">
                  <c:v>601491.91912026098</c:v>
                </c:pt>
                <c:pt idx="14896">
                  <c:v>602699.04340285703</c:v>
                </c:pt>
                <c:pt idx="14897">
                  <c:v>602699.04340285703</c:v>
                </c:pt>
                <c:pt idx="14898">
                  <c:v>602699.04340285703</c:v>
                </c:pt>
                <c:pt idx="14899">
                  <c:v>602699.04340285703</c:v>
                </c:pt>
                <c:pt idx="14900">
                  <c:v>602699.04340285703</c:v>
                </c:pt>
                <c:pt idx="14901">
                  <c:v>602699.04340285703</c:v>
                </c:pt>
                <c:pt idx="14902">
                  <c:v>602699.04340285703</c:v>
                </c:pt>
                <c:pt idx="14903">
                  <c:v>602699.04340285703</c:v>
                </c:pt>
                <c:pt idx="14904">
                  <c:v>602699.04340285703</c:v>
                </c:pt>
                <c:pt idx="14905">
                  <c:v>602699.04340285703</c:v>
                </c:pt>
                <c:pt idx="14906">
                  <c:v>602699.04340285703</c:v>
                </c:pt>
                <c:pt idx="14907">
                  <c:v>602699.04340285703</c:v>
                </c:pt>
                <c:pt idx="14908">
                  <c:v>602699.04340285703</c:v>
                </c:pt>
                <c:pt idx="14909">
                  <c:v>602699.04340285703</c:v>
                </c:pt>
                <c:pt idx="14910">
                  <c:v>602699.04340285703</c:v>
                </c:pt>
                <c:pt idx="14911">
                  <c:v>602699.04340285703</c:v>
                </c:pt>
                <c:pt idx="14912">
                  <c:v>602699.04340285703</c:v>
                </c:pt>
                <c:pt idx="14913">
                  <c:v>602699.04340285703</c:v>
                </c:pt>
                <c:pt idx="14914">
                  <c:v>602699.04340285703</c:v>
                </c:pt>
                <c:pt idx="14915">
                  <c:v>602699.04340285703</c:v>
                </c:pt>
                <c:pt idx="14916">
                  <c:v>602699.04340285703</c:v>
                </c:pt>
                <c:pt idx="14917">
                  <c:v>602699.04340285703</c:v>
                </c:pt>
                <c:pt idx="14918">
                  <c:v>602699.04340285703</c:v>
                </c:pt>
                <c:pt idx="14919">
                  <c:v>602699.04340285703</c:v>
                </c:pt>
                <c:pt idx="14920">
                  <c:v>602699.04340285703</c:v>
                </c:pt>
                <c:pt idx="14921">
                  <c:v>602699.04340285703</c:v>
                </c:pt>
                <c:pt idx="14922">
                  <c:v>602699.04340285703</c:v>
                </c:pt>
                <c:pt idx="14923">
                  <c:v>602699.04340285703</c:v>
                </c:pt>
                <c:pt idx="14924">
                  <c:v>602699.04340285703</c:v>
                </c:pt>
                <c:pt idx="14925">
                  <c:v>602699.04340285703</c:v>
                </c:pt>
                <c:pt idx="14926">
                  <c:v>602699.04340285703</c:v>
                </c:pt>
                <c:pt idx="14927">
                  <c:v>602699.04340285703</c:v>
                </c:pt>
                <c:pt idx="14928">
                  <c:v>602699.04340285703</c:v>
                </c:pt>
                <c:pt idx="14929">
                  <c:v>602699.04340285703</c:v>
                </c:pt>
                <c:pt idx="14930">
                  <c:v>602699.04340285703</c:v>
                </c:pt>
                <c:pt idx="14931">
                  <c:v>602699.04340285703</c:v>
                </c:pt>
                <c:pt idx="14932">
                  <c:v>602699.04340285703</c:v>
                </c:pt>
                <c:pt idx="14933">
                  <c:v>602699.04340285703</c:v>
                </c:pt>
                <c:pt idx="14934">
                  <c:v>602699.04340285703</c:v>
                </c:pt>
                <c:pt idx="14935">
                  <c:v>602699.04340285703</c:v>
                </c:pt>
                <c:pt idx="14936">
                  <c:v>602699.04340285703</c:v>
                </c:pt>
                <c:pt idx="14937">
                  <c:v>602699.04340285703</c:v>
                </c:pt>
                <c:pt idx="14938">
                  <c:v>602699.04340285703</c:v>
                </c:pt>
                <c:pt idx="14939">
                  <c:v>602699.04340285703</c:v>
                </c:pt>
                <c:pt idx="14940">
                  <c:v>602699.04340285703</c:v>
                </c:pt>
                <c:pt idx="14941">
                  <c:v>602699.04340285703</c:v>
                </c:pt>
                <c:pt idx="14942">
                  <c:v>602699.04340285703</c:v>
                </c:pt>
                <c:pt idx="14943">
                  <c:v>602699.04340285703</c:v>
                </c:pt>
                <c:pt idx="14944">
                  <c:v>602699.04340285703</c:v>
                </c:pt>
                <c:pt idx="14945">
                  <c:v>602699.04340285703</c:v>
                </c:pt>
                <c:pt idx="14946">
                  <c:v>602699.04340285703</c:v>
                </c:pt>
                <c:pt idx="14947">
                  <c:v>602699.04340285703</c:v>
                </c:pt>
                <c:pt idx="14948">
                  <c:v>602699.04340285703</c:v>
                </c:pt>
                <c:pt idx="14949">
                  <c:v>602699.04340285703</c:v>
                </c:pt>
                <c:pt idx="14950">
                  <c:v>602699.04340285703</c:v>
                </c:pt>
                <c:pt idx="14951">
                  <c:v>602699.04340285703</c:v>
                </c:pt>
                <c:pt idx="14952">
                  <c:v>602699.04340285703</c:v>
                </c:pt>
                <c:pt idx="14953">
                  <c:v>602699.04340285703</c:v>
                </c:pt>
                <c:pt idx="14954">
                  <c:v>602699.04340285703</c:v>
                </c:pt>
                <c:pt idx="14955">
                  <c:v>602699.04340285703</c:v>
                </c:pt>
                <c:pt idx="14956">
                  <c:v>602699.04340285703</c:v>
                </c:pt>
                <c:pt idx="14957">
                  <c:v>602699.04340285703</c:v>
                </c:pt>
                <c:pt idx="14958">
                  <c:v>602699.04340285703</c:v>
                </c:pt>
                <c:pt idx="14959">
                  <c:v>602699.04340285703</c:v>
                </c:pt>
                <c:pt idx="14960">
                  <c:v>602699.04340285703</c:v>
                </c:pt>
                <c:pt idx="14961">
                  <c:v>602699.04340285703</c:v>
                </c:pt>
                <c:pt idx="14962">
                  <c:v>602699.04340285703</c:v>
                </c:pt>
                <c:pt idx="14963">
                  <c:v>602699.04340285703</c:v>
                </c:pt>
                <c:pt idx="14964">
                  <c:v>602699.04340285703</c:v>
                </c:pt>
                <c:pt idx="14965">
                  <c:v>602699.04340285703</c:v>
                </c:pt>
                <c:pt idx="14966">
                  <c:v>602699.04340285703</c:v>
                </c:pt>
                <c:pt idx="14967">
                  <c:v>602915.075893534</c:v>
                </c:pt>
                <c:pt idx="14968">
                  <c:v>602915.075893534</c:v>
                </c:pt>
                <c:pt idx="14969">
                  <c:v>602915.075893534</c:v>
                </c:pt>
                <c:pt idx="14970">
                  <c:v>602915.075893534</c:v>
                </c:pt>
                <c:pt idx="14971">
                  <c:v>602915.075893534</c:v>
                </c:pt>
                <c:pt idx="14972">
                  <c:v>602915.075893534</c:v>
                </c:pt>
                <c:pt idx="14973">
                  <c:v>602915.075893534</c:v>
                </c:pt>
                <c:pt idx="14974">
                  <c:v>602915.075893534</c:v>
                </c:pt>
                <c:pt idx="14975">
                  <c:v>602915.075893534</c:v>
                </c:pt>
                <c:pt idx="14976">
                  <c:v>602915.075893534</c:v>
                </c:pt>
                <c:pt idx="14977">
                  <c:v>602915.075893534</c:v>
                </c:pt>
                <c:pt idx="14978">
                  <c:v>602915.075893534</c:v>
                </c:pt>
                <c:pt idx="14979">
                  <c:v>602915.075893534</c:v>
                </c:pt>
                <c:pt idx="14980">
                  <c:v>602915.075893534</c:v>
                </c:pt>
                <c:pt idx="14981">
                  <c:v>602915.075893534</c:v>
                </c:pt>
                <c:pt idx="14982">
                  <c:v>602915.075893534</c:v>
                </c:pt>
                <c:pt idx="14983">
                  <c:v>602915.075893534</c:v>
                </c:pt>
                <c:pt idx="14984">
                  <c:v>602915.075893534</c:v>
                </c:pt>
                <c:pt idx="14985">
                  <c:v>603136.63162838202</c:v>
                </c:pt>
                <c:pt idx="14986">
                  <c:v>603136.63162838202</c:v>
                </c:pt>
                <c:pt idx="14987">
                  <c:v>603136.63162838202</c:v>
                </c:pt>
                <c:pt idx="14988">
                  <c:v>603136.63162838202</c:v>
                </c:pt>
                <c:pt idx="14989">
                  <c:v>603136.63162838202</c:v>
                </c:pt>
                <c:pt idx="14990">
                  <c:v>603136.63162838202</c:v>
                </c:pt>
                <c:pt idx="14991">
                  <c:v>603136.63162838202</c:v>
                </c:pt>
                <c:pt idx="14992">
                  <c:v>603136.63162838202</c:v>
                </c:pt>
                <c:pt idx="14993">
                  <c:v>603136.63162838202</c:v>
                </c:pt>
                <c:pt idx="14994">
                  <c:v>603136.63162838202</c:v>
                </c:pt>
                <c:pt idx="14995">
                  <c:v>603136.63162838202</c:v>
                </c:pt>
                <c:pt idx="14996">
                  <c:v>603136.63162838202</c:v>
                </c:pt>
                <c:pt idx="14997">
                  <c:v>603136.63162838202</c:v>
                </c:pt>
                <c:pt idx="14998">
                  <c:v>603136.63162838202</c:v>
                </c:pt>
                <c:pt idx="14999">
                  <c:v>603136.631628382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6733-432C-BEB8-EAECA2D905C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10128768"/>
        <c:axId val="510138336"/>
      </c:lineChart>
      <c:catAx>
        <c:axId val="510128768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510138336"/>
        <c:crosses val="autoZero"/>
        <c:auto val="1"/>
        <c:lblAlgn val="ctr"/>
        <c:lblOffset val="100"/>
        <c:noMultiLvlLbl val="0"/>
      </c:catAx>
      <c:valAx>
        <c:axId val="5101383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pl-PL"/>
          </a:p>
        </c:txPr>
        <c:crossAx val="51012876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pl-PL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pl-PL"/>
    </a:p>
  </c:txPr>
  <c:externalData r:id="rId3">
    <c:autoUpdate val="0"/>
  </c:externalData>
</c:chartSpace>
</file>

<file path=word/charts/chartEx1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numDim type="val">
        <cx:f dir="row">Easy_col!$B$2:$F$2</cx:f>
        <cx:lvl ptCount="5" formatCode="Standardowy">
          <cx:pt idx="0">-3289.11075732264</cx:pt>
          <cx:pt idx="1">-3684.1308542707998</cx:pt>
          <cx:pt idx="2">-4139.9596202561597</cx:pt>
          <cx:pt idx="3">-3968.3208542707998</cx:pt>
          <cx:pt idx="4">-3399.9408542707997</cx:pt>
        </cx:lvl>
      </cx:numDim>
    </cx:data>
    <cx:data id="1">
      <cx:numDim type="val">
        <cx:f dir="row">Easy_col!$B$3:$F$3</cx:f>
        <cx:lvl ptCount="5" formatCode="Standardowy">
          <cx:pt idx="0">-3576.2927027564701</cx:pt>
          <cx:pt idx="1">-3812.8026834601801</cx:pt>
          <cx:pt idx="2">-4160.6014446183199</cx:pt>
          <cx:pt idx="3">-4010.19268346018</cx:pt>
          <cx:pt idx="4">-3615.4126834601802</cx:pt>
        </cx:lvl>
      </cx:numDim>
    </cx:data>
    <cx:data id="2">
      <cx:numDim type="val">
        <cx:f dir="row">Easy_col!$B$4:$F$4</cx:f>
        <cx:lvl ptCount="5" formatCode="Standardowy">
          <cx:pt idx="0">-3297.0334981400401</cx:pt>
          <cx:pt idx="1">-3450.4534156065101</cx:pt>
          <cx:pt idx="2">-3699.3067569351201</cx:pt>
          <cx:pt idx="3">-3562.5834156065102</cx:pt>
          <cx:pt idx="4">-3338.32341560651</cx:pt>
        </cx:lvl>
      </cx:numDim>
    </cx:data>
    <cx:data id="3">
      <cx:numDim type="val">
        <cx:f dir="row">Easy_col!$B$5:$F$5</cx:f>
        <cx:lvl ptCount="5" formatCode="Standardowy">
          <cx:pt idx="0">-3128.0877335160199</cx:pt>
          <cx:pt idx="1">-4511.62007775045</cx:pt>
          <cx:pt idx="2">-6087.6442465609698</cx:pt>
          <cx:pt idx="3">-4962.9510596619639</cx:pt>
          <cx:pt idx="4">-4060.2890958389362</cx:pt>
        </cx:lvl>
      </cx:numDim>
    </cx:data>
  </cx:chartData>
  <cx:chart>
    <cx:plotArea>
      <cx:plotAreaRegion>
        <cx:series layoutId="boxWhisker" uniqueId="{B1CEC2E4-8F9C-4771-AC51-56F9AFADF9EC}" formatIdx="0">
          <cx:tx>
            <cx:txData>
              <cx:f>Easy_col!$A$2</cx:f>
              <cx:v>Genetic</cx:v>
            </cx:txData>
          </cx:tx>
          <cx:dataId val="0"/>
          <cx:layoutPr>
            <cx:statistics quartileMethod="exclusive"/>
          </cx:layoutPr>
        </cx:series>
        <cx:series layoutId="boxWhisker" uniqueId="{956D6DE9-80C2-4DCD-9BBB-0DDA2A4B5227}" formatIdx="1">
          <cx:tx>
            <cx:txData>
              <cx:f>Easy_col!$A$3</cx:f>
              <cx:v>Tabu</cx:v>
            </cx:txData>
          </cx:tx>
          <cx:dataId val="1"/>
          <cx:layoutPr>
            <cx:statistics quartileMethod="exclusive"/>
          </cx:layoutPr>
        </cx:series>
        <cx:series layoutId="boxWhisker" uniqueId="{74E75651-7937-453A-8563-E930BE6DC561}" formatIdx="2">
          <cx:tx>
            <cx:txData>
              <cx:f>Easy_col!$A$4</cx:f>
              <cx:v>Annealing</cx:v>
            </cx:txData>
          </cx:tx>
          <cx:dataId val="2"/>
          <cx:layoutPr>
            <cx:visibility meanLine="0" nonoutliers="1"/>
            <cx:statistics quartileMethod="exclusive"/>
          </cx:layoutPr>
        </cx:series>
        <cx:series layoutId="boxWhisker" uniqueId="{9884D55B-4FE0-4CC0-A5AF-7703CC92CE71}" formatIdx="4">
          <cx:tx>
            <cx:txData>
              <cx:f>Easy_col!$A$5</cx:f>
              <cx:v>Greedy</cx:v>
            </cx:txData>
          </cx:tx>
          <cx:dataId val="3"/>
          <cx:layoutPr>
            <cx:statistics quartileMethod="exclusive"/>
          </cx:layoutPr>
        </cx:series>
      </cx:plotAreaRegion>
      <cx:axis id="0">
        <cx:catScaling gapWidth="1"/>
        <cx:tickLabels/>
      </cx:axis>
      <cx:axis id="1">
        <cx:valScaling max="-2000"/>
        <cx:majorGridlines/>
        <cx:tickLabels/>
      </cx:axis>
    </cx:plotArea>
    <cx:legend pos="b" align="ctr" overlay="0">
      <cx:txPr>
        <a:bodyPr spcFirstLastPara="1" vertOverflow="ellipsis" horzOverflow="overflow" wrap="square" lIns="0" tIns="0" rIns="0" bIns="0" anchor="ctr" anchorCtr="1"/>
        <a:lstStyle/>
        <a:p>
          <a:pPr algn="ctr" rtl="0">
            <a:defRPr/>
          </a:pPr>
          <a:endParaRPr lang="pl-PL" sz="900" b="0" i="0" u="none" strike="noStrike" baseline="0">
            <a:solidFill>
              <a:sysClr val="windowText" lastClr="000000">
                <a:lumMod val="65000"/>
                <a:lumOff val="35000"/>
              </a:sysClr>
            </a:solidFill>
            <a:latin typeface="Calibri" panose="020F0502020204030204"/>
          </a:endParaRPr>
        </a:p>
      </cx:txPr>
    </cx:legend>
  </cx:chart>
</cx:chartSpace>
</file>

<file path=word/charts/chartEx2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numDim type="val">
        <cx:f dir="row">med0_col!$B$2:$F$2</cx:f>
        <cx:lvl ptCount="5" formatCode="Standardowy">
          <cx:pt idx="0">59452.830161319202</cx:pt>
          <cx:pt idx="1">58294.504196854898</cx:pt>
          <cx:pt idx="2">56532.510983059699</cx:pt>
          <cx:pt idx="3">57467.2641968549</cx:pt>
          <cx:pt idx="4">59121.744196854896</cx:pt>
        </cx:lvl>
      </cx:numDim>
    </cx:data>
    <cx:data id="1">
      <cx:numDim type="val">
        <cx:f dir="row">med0_col!$B$3:$F$3</cx:f>
        <cx:lvl ptCount="5" formatCode="Standardowy">
          <cx:pt idx="0">58388.933084639197</cx:pt>
          <cx:pt idx="1">56677.782983017401</cx:pt>
          <cx:pt idx="2">54710.304099186702</cx:pt>
          <cx:pt idx="3">55602.942983017405</cx:pt>
          <cx:pt idx="4">57752.622983017398</cx:pt>
        </cx:lvl>
      </cx:numDim>
    </cx:data>
    <cx:data id="2">
      <cx:numDim type="val">
        <cx:f dir="row">med0_col!$B$4:$F$4</cx:f>
        <cx:lvl ptCount="5" formatCode="Standardowy">
          <cx:pt idx="0">60097.839435580703</cx:pt>
          <cx:pt idx="1">58258.180538574903</cx:pt>
          <cx:pt idx="2">55352.198033802299</cx:pt>
          <cx:pt idx="3">56939.150538574904</cx:pt>
          <cx:pt idx="4">59577.210538574902</cx:pt>
        </cx:lvl>
      </cx:numDim>
    </cx:data>
    <cx:data id="3">
      <cx:numDim type="val">
        <cx:f dir="row">med0_col!$B$5:$F$5</cx:f>
        <cx:lvl ptCount="5" formatCode="Standardowy">
          <cx:pt idx="0">55369.546939643798</cx:pt>
          <cx:pt idx="1">49358.158897039502</cx:pt>
          <cx:pt idx="2">44110.967689077399</cx:pt>
          <cx:pt idx="3">47457.958897039505</cx:pt>
          <cx:pt idx="4">51258.358897039499</cx:pt>
        </cx:lvl>
      </cx:numDim>
    </cx:data>
  </cx:chartData>
  <cx:chart>
    <cx:plotArea>
      <cx:plotAreaRegion>
        <cx:series layoutId="boxWhisker" uniqueId="{3714D7A5-210E-439D-8E9F-23A33E2A75A5}" formatIdx="0">
          <cx:tx>
            <cx:txData>
              <cx:f>med0_col!$A$2</cx:f>
              <cx:v>Genetic</cx:v>
            </cx:txData>
          </cx:tx>
          <cx:dataId val="0"/>
          <cx:layoutPr>
            <cx:statistics quartileMethod="exclusive"/>
          </cx:layoutPr>
        </cx:series>
        <cx:series layoutId="boxWhisker" uniqueId="{7D51141E-37EC-47E6-9103-423EECD9A71A}" formatIdx="1">
          <cx:tx>
            <cx:txData>
              <cx:f>med0_col!$A$3</cx:f>
              <cx:v>Tabu</cx:v>
            </cx:txData>
          </cx:tx>
          <cx:dataId val="1"/>
          <cx:layoutPr>
            <cx:statistics quartileMethod="exclusive"/>
          </cx:layoutPr>
        </cx:series>
        <cx:series layoutId="boxWhisker" uniqueId="{E9F72B74-F5E5-4DBE-959C-DCAF50AC8028}" formatIdx="2">
          <cx:tx>
            <cx:txData>
              <cx:f>med0_col!$A$4</cx:f>
              <cx:v>Annealing</cx:v>
            </cx:txData>
          </cx:tx>
          <cx:dataId val="2"/>
          <cx:layoutPr>
            <cx:statistics quartileMethod="exclusive"/>
          </cx:layoutPr>
        </cx:series>
        <cx:series layoutId="boxWhisker" uniqueId="{1481A023-26E4-414C-B2FB-0DFE4FD163B7}" formatIdx="4">
          <cx:tx>
            <cx:txData>
              <cx:f>med0_col!$A$5</cx:f>
              <cx:v>Greedy</cx:v>
            </cx:txData>
          </cx:tx>
          <cx:dataId val="3"/>
          <cx:layoutPr>
            <cx:statistics quartileMethod="exclusive"/>
          </cx:layoutPr>
        </cx:series>
      </cx:plotAreaRegion>
      <cx:axis id="0">
        <cx:catScaling gapWidth="1"/>
        <cx:tickLabels/>
      </cx:axis>
      <cx:axis id="1">
        <cx:valScaling min="40000"/>
        <cx:majorGridlines/>
        <cx:tickLabels/>
      </cx:axis>
    </cx:plotArea>
    <cx:legend pos="b" align="ctr" overlay="0"/>
  </cx:chart>
</cx:chartSpace>
</file>

<file path=word/charts/chartEx3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numDim type="val">
        <cx:f dir="row">med2_col!$B$2:$F$2</cx:f>
        <cx:lvl ptCount="5" formatCode="Standardowy">
          <cx:pt idx="0">65002.756311655801</cx:pt>
          <cx:pt idx="1">64565.895100858499</cx:pt>
          <cx:pt idx="2">63846.458740583097</cx:pt>
          <cx:pt idx="3">64220.015100858502</cx:pt>
          <cx:pt idx="4">64911.775100858496</cx:pt>
        </cx:lvl>
      </cx:numDim>
    </cx:data>
    <cx:data id="1">
      <cx:numDim type="val">
        <cx:f dir="row">med2_col!$B$3:$F$3</cx:f>
        <cx:lvl ptCount="5" formatCode="Standardowy">
          <cx:pt idx="0">64638.684419356498</cx:pt>
          <cx:pt idx="1">64119.292119486701</cx:pt>
          <cx:pt idx="2">63845.07</cx:pt>
          <cx:pt idx="3">63883.742119486698</cx:pt>
          <cx:pt idx="4">64354.842119486704</cx:pt>
        </cx:lvl>
      </cx:numDim>
    </cx:data>
    <cx:data id="2">
      <cx:numDim type="val">
        <cx:f dir="row">med2_col!$B$4:$F$4</cx:f>
        <cx:lvl ptCount="5" formatCode="Standardowy">
          <cx:pt idx="0">65176.693616516401</cx:pt>
          <cx:pt idx="1">64930.765424136203</cx:pt>
          <cx:pt idx="2">64686.756601022302</cx:pt>
          <cx:pt idx="3">64768.765424136203</cx:pt>
          <cx:pt idx="4">65092.765424136203</cx:pt>
        </cx:lvl>
      </cx:numDim>
    </cx:data>
    <cx:data id="3">
      <cx:numDim type="val">
        <cx:f dir="row">med2_col!$B$5:$F$5</cx:f>
        <cx:lvl ptCount="5" formatCode="Standardowy">
          <cx:pt idx="0">64038.704666663201</cx:pt>
          <cx:pt idx="1">61961.486666757897</cx:pt>
          <cx:pt idx="2">59471.622190540998</cx:pt>
          <cx:pt idx="3">60944.756666757894</cx:pt>
          <cx:pt idx="4">62978.2166667579</cx:pt>
        </cx:lvl>
      </cx:numDim>
    </cx:data>
  </cx:chartData>
  <cx:chart>
    <cx:plotArea>
      <cx:plotAreaRegion>
        <cx:series layoutId="boxWhisker" uniqueId="{A17CCD6B-9D94-4C48-AA09-E4B599AFF00E}" formatIdx="0">
          <cx:tx>
            <cx:txData>
              <cx:f>med2_col!$A$2</cx:f>
              <cx:v>Genetic</cx:v>
            </cx:txData>
          </cx:tx>
          <cx:dataId val="0"/>
          <cx:layoutPr>
            <cx:statistics quartileMethod="exclusive"/>
          </cx:layoutPr>
        </cx:series>
        <cx:series layoutId="boxWhisker" uniqueId="{D195E9E7-5E39-437C-9794-C189D11E0CFD}" formatIdx="1">
          <cx:tx>
            <cx:txData>
              <cx:f>med2_col!$A$3</cx:f>
              <cx:v>Tabu</cx:v>
            </cx:txData>
          </cx:tx>
          <cx:dataId val="1"/>
          <cx:layoutPr>
            <cx:statistics quartileMethod="exclusive"/>
          </cx:layoutPr>
        </cx:series>
        <cx:series layoutId="boxWhisker" uniqueId="{541A4084-AD82-432B-A600-4A219035897F}" formatIdx="2">
          <cx:tx>
            <cx:txData>
              <cx:f>med2_col!$A$4</cx:f>
              <cx:v>Annealing</cx:v>
            </cx:txData>
          </cx:tx>
          <cx:dataId val="2"/>
          <cx:layoutPr>
            <cx:statistics quartileMethod="exclusive"/>
          </cx:layoutPr>
        </cx:series>
        <cx:series layoutId="boxWhisker" uniqueId="{1C0A1FE1-661C-4E40-8CB0-1AFDB2DF6D1F}" formatIdx="4">
          <cx:tx>
            <cx:txData>
              <cx:f>med2_col!$A$5</cx:f>
              <cx:v>Greedy</cx:v>
            </cx:txData>
          </cx:tx>
          <cx:dataId val="3"/>
          <cx:layoutPr>
            <cx:statistics quartileMethod="exclusive"/>
          </cx:layoutPr>
        </cx:series>
      </cx:plotAreaRegion>
      <cx:axis id="0">
        <cx:catScaling gapWidth="1"/>
        <cx:tickLabels/>
      </cx:axis>
      <cx:axis id="1">
        <cx:valScaling min="58000"/>
        <cx:majorGridlines/>
        <cx:tickLabels/>
      </cx:axis>
    </cx:plotArea>
    <cx:legend pos="b" align="ctr" overlay="0"/>
  </cx:chart>
</cx:chartSpace>
</file>

<file path=word/charts/chartEx4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numDim type="val">
        <cx:f dir="row">med4_col!$B$2:$F$2</cx:f>
        <cx:lvl ptCount="5" formatCode="Standardowy">
          <cx:pt idx="0">65406.615351540597</cx:pt>
          <cx:pt idx="1">64999.239926871203</cx:pt>
          <cx:pt idx="2">64799.539624900397</cx:pt>
          <cx:pt idx="3">64815.389926871205</cx:pt>
          <cx:pt idx="4">65183.089926871202</cx:pt>
        </cx:lvl>
      </cx:numDim>
    </cx:data>
    <cx:data id="1">
      <cx:numDim type="val">
        <cx:f dir="row">med4_col!$B$3:$F$3</cx:f>
        <cx:lvl ptCount="5" formatCode="Standardowy">
          <cx:pt idx="0">64940.586801574304</cx:pt>
          <cx:pt idx="1">64611.793189896402</cx:pt>
          <cx:pt idx="2">64128.4377183139</cx:pt>
          <cx:pt idx="3">64360.053189896404</cx:pt>
          <cx:pt idx="4">64863.5331898964</cx:pt>
        </cx:lvl>
      </cx:numDim>
    </cx:data>
    <cx:data id="2">
      <cx:numDim type="val">
        <cx:f dir="row">med4_col!$B$4:$F$4</cx:f>
        <cx:lvl ptCount="5" formatCode="Standardowy">
          <cx:pt idx="0">65660.002210556006</cx:pt>
          <cx:pt idx="1">65513.653970638501</cx:pt>
          <cx:pt idx="2">65161.918859411198</cx:pt>
          <cx:pt idx="3">65385.323970638499</cx:pt>
          <cx:pt idx="4">65641.983970638496</cx:pt>
        </cx:lvl>
      </cx:numDim>
    </cx:data>
    <cx:data id="3">
      <cx:numDim type="val">
        <cx:f dir="row">med4_col!$B$5:$F$5</cx:f>
        <cx:lvl ptCount="5" formatCode="Standardowy">
          <cx:pt idx="0">64703.069492999901</cx:pt>
          <cx:pt idx="1">62816.703475183902</cx:pt>
          <cx:pt idx="2">60327.770389753001</cx:pt>
          <cx:pt idx="3">61800.964475183901</cx:pt>
          <cx:pt idx="4">63832.442475183903</cx:pt>
        </cx:lvl>
      </cx:numDim>
    </cx:data>
  </cx:chartData>
  <cx:chart>
    <cx:plotArea>
      <cx:plotAreaRegion>
        <cx:series layoutId="boxWhisker" uniqueId="{7D382B4B-C636-4707-ADE4-DEA0DEC9E5F0}" formatIdx="0">
          <cx:tx>
            <cx:txData>
              <cx:f>med4_col!$A$2</cx:f>
              <cx:v>Genetic</cx:v>
            </cx:txData>
          </cx:tx>
          <cx:dataId val="0"/>
          <cx:layoutPr>
            <cx:statistics quartileMethod="exclusive"/>
          </cx:layoutPr>
        </cx:series>
        <cx:series layoutId="boxWhisker" uniqueId="{A07CC65C-2CED-41AF-A977-1B8830968524}" formatIdx="1">
          <cx:tx>
            <cx:txData>
              <cx:f>med4_col!$A$3</cx:f>
              <cx:v>Tabu</cx:v>
            </cx:txData>
          </cx:tx>
          <cx:dataId val="1"/>
          <cx:layoutPr>
            <cx:statistics quartileMethod="exclusive"/>
          </cx:layoutPr>
        </cx:series>
        <cx:series layoutId="boxWhisker" uniqueId="{BFB60EF2-129C-46D5-9D96-0A54DC922109}" formatIdx="2">
          <cx:tx>
            <cx:txData>
              <cx:f>med4_col!$A$4</cx:f>
              <cx:v>Annealing</cx:v>
            </cx:txData>
          </cx:tx>
          <cx:dataId val="2"/>
          <cx:layoutPr>
            <cx:statistics quartileMethod="exclusive"/>
          </cx:layoutPr>
        </cx:series>
        <cx:series layoutId="boxWhisker" uniqueId="{F306D0E9-4542-467F-8BB9-45728BC13C01}" formatIdx="4">
          <cx:tx>
            <cx:txData>
              <cx:f>med4_col!$A$5</cx:f>
              <cx:v>Greedy</cx:v>
            </cx:txData>
          </cx:tx>
          <cx:dataId val="3"/>
          <cx:layoutPr>
            <cx:statistics quartileMethod="exclusive"/>
          </cx:layoutPr>
        </cx:series>
      </cx:plotAreaRegion>
      <cx:axis id="0">
        <cx:catScaling gapWidth="1"/>
        <cx:tickLabels/>
      </cx:axis>
      <cx:axis id="1">
        <cx:valScaling min="59000"/>
        <cx:majorGridlines/>
        <cx:tickLabels/>
      </cx:axis>
    </cx:plotArea>
    <cx:legend pos="b" align="ctr" overlay="0"/>
  </cx:chart>
</cx:chartSpace>
</file>

<file path=word/charts/chartEx5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numDim type="val">
        <cx:f dir="row">hard_col!$B$2:$F$2</cx:f>
        <cx:lvl ptCount="5" formatCode="Standardowy">
          <cx:pt idx="0">571639.12372732803</cx:pt>
          <cx:pt idx="1">527566.78079102596</cx:pt>
          <cx:pt idx="2">450692.70137654699</cx:pt>
          <cx:pt idx="3">495773.32079102594</cx:pt>
          <cx:pt idx="4">559360.24079102592</cx:pt>
        </cx:lvl>
      </cx:numDim>
    </cx:data>
    <cx:data id="1">
      <cx:numDim type="val">
        <cx:f dir="row">hard_col!$B$3:$F$3</cx:f>
        <cx:lvl ptCount="5" formatCode="Standardowy">
          <cx:pt idx="0">578185.44799014798</cx:pt>
          <cx:pt idx="1">498130.672959644</cx:pt>
          <cx:pt idx="2">384563.61799781502</cx:pt>
          <cx:pt idx="3">441583.54295964399</cx:pt>
          <cx:pt idx="4">554677.802959644</cx:pt>
        </cx:lvl>
      </cx:numDim>
    </cx:data>
    <cx:data id="2">
      <cx:numDim type="val">
        <cx:f dir="row">hard_col!$B$4:$F$4</cx:f>
        <cx:lvl ptCount="5" formatCode="Standardowy">
          <cx:pt idx="0">603136.63162838202</cx:pt>
          <cx:pt idx="1">564585.368764685</cx:pt>
          <cx:pt idx="2">527514.45178848098</cx:pt>
          <cx:pt idx="3">537680.64876468503</cx:pt>
          <cx:pt idx="4">591490.08876468497</cx:pt>
        </cx:lvl>
      </cx:numDim>
    </cx:data>
    <cx:data id="3">
      <cx:numDim type="val">
        <cx:f dir="row">hard_col!$B$5:$F$5</cx:f>
        <cx:lvl ptCount="5" formatCode="Standardowy">
          <cx:pt idx="0">631423.19019978901</cx:pt>
          <cx:pt idx="1">427806.34014489403</cx:pt>
          <cx:pt idx="2">315435.05132999999</cx:pt>
          <cx:pt idx="3">361697.65014489403</cx:pt>
          <cx:pt idx="4">493915.03014489403</cx:pt>
        </cx:lvl>
      </cx:numDim>
    </cx:data>
  </cx:chartData>
  <cx:chart>
    <cx:plotArea>
      <cx:plotAreaRegion>
        <cx:series layoutId="boxWhisker" uniqueId="{D3DF842E-9034-403D-A719-66D1AA884B36}" formatIdx="0">
          <cx:tx>
            <cx:txData>
              <cx:f>hard_col!$A$2</cx:f>
              <cx:v>Genetic</cx:v>
            </cx:txData>
          </cx:tx>
          <cx:dataId val="0"/>
          <cx:layoutPr>
            <cx:statistics quartileMethod="exclusive"/>
          </cx:layoutPr>
        </cx:series>
        <cx:series layoutId="boxWhisker" uniqueId="{648202EB-79C4-419A-BC64-30B3D137529B}" formatIdx="1">
          <cx:tx>
            <cx:txData>
              <cx:f>hard_col!$A$3</cx:f>
              <cx:v>Tabu</cx:v>
            </cx:txData>
          </cx:tx>
          <cx:dataId val="1"/>
          <cx:layoutPr>
            <cx:statistics quartileMethod="exclusive"/>
          </cx:layoutPr>
        </cx:series>
        <cx:series layoutId="boxWhisker" uniqueId="{81F022A4-5DB7-4950-95AA-5AB3BD1C270D}" formatIdx="2">
          <cx:tx>
            <cx:txData>
              <cx:f>hard_col!$A$4</cx:f>
              <cx:v>Annealing</cx:v>
            </cx:txData>
          </cx:tx>
          <cx:dataId val="2"/>
          <cx:layoutPr>
            <cx:statistics quartileMethod="exclusive"/>
          </cx:layoutPr>
        </cx:series>
        <cx:series layoutId="boxWhisker" uniqueId="{F1C0D7C3-7710-40C6-BB18-9166EA7B93E0}" formatIdx="4">
          <cx:tx>
            <cx:txData>
              <cx:f>hard_col!$A$5</cx:f>
              <cx:v>Greedy</cx:v>
            </cx:txData>
          </cx:tx>
          <cx:dataId val="3"/>
          <cx:layoutPr>
            <cx:statistics quartileMethod="exclusive"/>
          </cx:layoutPr>
        </cx:series>
      </cx:plotAreaRegion>
      <cx:axis id="0">
        <cx:catScaling gapWidth="1"/>
        <cx:tickLabels/>
      </cx:axis>
      <cx:axis id="1">
        <cx:valScaling min="250000"/>
        <cx:majorGridlines/>
        <cx:tickLabels/>
      </cx:axis>
    </cx:plotArea>
    <cx:legend pos="b" align="ctr" overlay="0"/>
  </cx:chart>
</cx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word/charts/style2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word/charts/style3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word/charts/style4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word/charts/style5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word/charts/style6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Motyw pakietu Office">
  <a:themeElements>
    <a:clrScheme name="Pakiet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akiet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Pakiet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706</TotalTime>
  <Pages>9</Pages>
  <Words>1417</Words>
  <Characters>8502</Characters>
  <Application>Microsoft Office Word</Application>
  <DocSecurity>0</DocSecurity>
  <Lines>70</Lines>
  <Paragraphs>19</Paragraphs>
  <ScaleCrop>false</ScaleCrop>
  <Company/>
  <LinksUpToDate>false</LinksUpToDate>
  <CharactersWithSpaces>99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artłomiej Wrzalski (254566)</dc:creator>
  <cp:keywords/>
  <dc:description/>
  <cp:lastModifiedBy>Bartłomiej Wrzalski (254566)</cp:lastModifiedBy>
  <cp:revision>200</cp:revision>
  <dcterms:created xsi:type="dcterms:W3CDTF">2022-11-21T20:57:00Z</dcterms:created>
  <dcterms:modified xsi:type="dcterms:W3CDTF">2022-12-05T20:49:00Z</dcterms:modified>
</cp:coreProperties>
</file>